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drawings/drawing3.xml" ContentType="application/vnd.openxmlformats-officedocument.drawing+xml"/>
  <Override PartName="/xl/drawings/drawing4.xml" ContentType="application/vnd.openxmlformats-officedocument.drawing+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9029"/>
  <workbookPr/>
  <mc:AlternateContent xmlns:mc="http://schemas.openxmlformats.org/markup-compatibility/2006">
    <mc:Choice Requires="x15">
      <x15ac:absPath xmlns:x15ac="http://schemas.microsoft.com/office/spreadsheetml/2010/11/ac" url="https://itservicesefficioconsulting-my.sharepoint.com/personal/caio_scarpetti_efficioconsulting_com/Documents/Documents/04. YW/01. SEMD Bottled Water/"/>
    </mc:Choice>
  </mc:AlternateContent>
  <xr:revisionPtr revIDLastSave="136" documentId="13_ncr:1_{7592024B-079F-41C4-8585-A73F1D58D3AA}" xr6:coauthVersionLast="47" xr6:coauthVersionMax="47" xr10:uidLastSave="{BB56C870-9C69-4403-BF5F-B34CA8805C62}"/>
  <bookViews>
    <workbookView xWindow="-110" yWindow="-110" windowWidth="19420" windowHeight="11500" activeTab="2" xr2:uid="{00000000-000D-0000-FFFF-FFFF00000000}"/>
  </bookViews>
  <sheets>
    <sheet name="Instructions" sheetId="2" r:id="rId1"/>
    <sheet name="Scoring" sheetId="3" r:id="rId2"/>
    <sheet name="Questionnaire" sheetId="5" r:id="rId3"/>
    <sheet name="Questionnaire_Old" sheetId="4" state="hidden" r:id="rId4"/>
  </sheets>
  <definedNames>
    <definedName name="_xlnm._FilterDatabase" localSheetId="0" hidden="1">Instructions!#REF!</definedName>
    <definedName name="_xlnm._FilterDatabase" localSheetId="2" hidden="1">Questionnaire!$B$11:$J$60</definedName>
    <definedName name="_xlnm._FilterDatabase" localSheetId="3" hidden="1">Questionnaire_Old!$B$11:$J$61</definedName>
  </definedNames>
  <calcPr calcId="191029" calcOnSave="0"/>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474" uniqueCount="102">
  <si>
    <t>Instructions</t>
  </si>
  <si>
    <t>Question Scoring Guidelines</t>
  </si>
  <si>
    <t>- Please note, no questions within the selection stage are scored, however this scoring criteria will be used in later stages</t>
  </si>
  <si>
    <t>Questions Response</t>
  </si>
  <si>
    <t>SUPPLIER NAME :</t>
  </si>
  <si>
    <t>Insert supplier name here</t>
  </si>
  <si>
    <t>Please do not amend the structure of the sheet in any way</t>
  </si>
  <si>
    <t>Please  provide Yes / No responses in the answer column (I) in accordance with the data validation for the cell.  Text answers or further info should be provided in column (J)</t>
  </si>
  <si>
    <t>Please note that the ITQ will occur in Ariba, as described in the Procurement Process Rules.</t>
  </si>
  <si>
    <t>Question Ref</t>
  </si>
  <si>
    <t>Question Category</t>
  </si>
  <si>
    <t>Questions</t>
  </si>
  <si>
    <t>Question Type</t>
  </si>
  <si>
    <t>Scoring Methodology</t>
  </si>
  <si>
    <t>Attachment Required</t>
  </si>
  <si>
    <t>Response (Yes/No)</t>
  </si>
  <si>
    <t>Further Response</t>
  </si>
  <si>
    <t>Additional Information Provided</t>
  </si>
  <si>
    <t>Pre-requisite</t>
  </si>
  <si>
    <t>Bidder Agreement - Procurement Process Rules
Please read the attached Bidder Agreement - Procurement Process Rules. 
Please confirm you have read the attached rules and agree to conform.
Please note that all stages of the Procurement Process will be taking place on Ariba Network as described in the Procurement Process Rules.</t>
  </si>
  <si>
    <t>Pass / Fail</t>
  </si>
  <si>
    <t>Yes = Pass, No = Fail</t>
  </si>
  <si>
    <t>Ariba Supplier Engagement Policy
Please read the attached Supplier Engagement Policy. To be able to transact with Yorkshire Water Services Ltd you must conform to the requirements of the policy.  
Please confirm you have read the attached Policy and agree to conform.</t>
  </si>
  <si>
    <t>Introduction</t>
  </si>
  <si>
    <t>Please see the attached "Yorkshire Water About Us" Document</t>
  </si>
  <si>
    <t>Please see the attached 'TAWS Selection Introduction'</t>
  </si>
  <si>
    <t>Please confirm the Bidding Entity company name</t>
  </si>
  <si>
    <t>Information Only</t>
  </si>
  <si>
    <t>Please confirm the Bidding Entity company number</t>
  </si>
  <si>
    <t>Please confirm the Bidding Entity company address</t>
  </si>
  <si>
    <t>Please confirm the first name, last name and email contact for the main point of contact for the communications and submissions in Ariba (information necessary if the bidder is selected for the next stages of the process)</t>
  </si>
  <si>
    <t>Using the list from the Instructions tab, please confirm which Lots you are intending to bid for</t>
  </si>
  <si>
    <t>Regulatory and Conflict of Interest</t>
  </si>
  <si>
    <t>Is the Bidding Entity UK based?  
If not UK based, please confirm the registered base.  
Note: if the Bidding Entity is not UK based, Yorkshire Water Services Limited may follow up with further questions to understand the contractual structure and tax or duty related issues.</t>
  </si>
  <si>
    <t xml:space="preserve">Are you, or any of your staff, related to a board member or employee of Yorkshire Water Services Limited?
If yes, provide full details.
</t>
  </si>
  <si>
    <t xml:space="preserve">Do you, or any of your staff, have a private business relationship with a board member or any member of Yorkshire Water Services Limited?
If yes, provide full details.
</t>
  </si>
  <si>
    <t xml:space="preserve">Has the Bidding Entity or its Directors or any other person who has powers of representation, decision or control of your company been convicted of any of the following offences?
(a) conspiracy within the meaning of section 1 or 1A of the Criminal Law Act 1977 or article 9 or 9A of the Criminal Attempts and Conspiracy (Northern Ireland) Order 1983 where that conspiracy relates to participation in a criminal organisation as defined in Article 2 of Council Framework Decision 2008/841/JHA on the fight against organised crime;  
(b) corruption within the meaning of section 1(2) of the Public Bodies Corrupt Practices Act  
1889 or section 1 of the Prevention of Corruption Act 1906;  
(c) the common law offence of bribery;  
(d) bribery within the meaning of sections 1, 2 or 6 of the Bribery Act 2010, or section 113  
of the Representation of the People Act 1983;  
(e) where the offence relates to fraud affecting the European Communities’ financial interests  
as defined by Article 1 of the Convention on the protection of the financial interests of the  
European Communities:—  
(I) the common law offence of cheating the Revenue;  
(ii) the common law offence of conspiracy to defraud;  
(iii) fraud or theft within the meaning of the Theft Act 1968(I), the Theft Act (Northern Ireland) 1969, the Theft Act 1978 or the Theft (Northern Ireland) Order 1978;  
(iv) fraudulent trading within the meaning of section 458 of the Companies Act 1985, article 451 of the Companies (Northern Ireland) Order 1986(n) or section 993 of the Companies Act 2006;  
(v) fraudulent evasion within the meaning of section 170 of the Customs and Excise Management Act 1979 or section 72 of the Value Added Tax Act 1994;  
(vi) an offence in connection with taxation in the European Union within the meaning of section 71 of the Criminal Justice Act 1993;  
(vii) destroying, defacing or concealing of documents or procuring the execution of a valuable security within the meaning of section 20 of the Theft Act 1968 or section 19 of the Theft Act (Northern Ireland) 1969;  
(viii) fraud within the meaning of section 2, 3 or 4 of the Fraud Act 2006; or  
(ix) the possession of articles for use in frauds within the meaning of section 6 of the Fraud Act 2006, or the making, adapting, supplying or offering to supply articles for use in frauds within the meaning of section 7 of that Act;  
(f) any offence listed—  
(I) in section 41 of the Counter Terrorism Act 2008; or  
(ii) in Schedule 2 to that Act where the court has determined that there is a terrorist connection;  
(g) any offence under sections 44 to 46 of the Serious Crime Act 2007 which relates to an offence covered by subparagraph (f);  
(h) money laundering within the meaning of sections 340(11) and 415 of the Proceeds of Crime Act 2002;  
(I) an offence in connection with the proceeds of criminal conduct within the meaning of section 93A, 93B or 93C of the Criminal Justice Act 1988 or article 45, 46 or 47 of the Proceeds of Crime (Northern Ireland) Order 1996;  
(j) an offence under section 4 of the Asylum and Immigration (Treatment of Claimants, etc.) Act 2004;  
(k) an offence under section 59A of the Sexual Offences Act 2003;  
(l) an offence under section 71 of the Coroners and Justice Act 2009; or  
(m) an offence in connection with the proceeds of drug trafficking within the meaning of  
section 49, 50 or 51 of the Drug Trafficking Act 1994.
Non-payment of tax and social security contributions
Breach of obligations relating to the payment of taxes or social security contributions that has been established by a judicial or administrative decision.
Where any tax returns submitted on or after 1 October 2012 have been found to be incorrect as a result of:  
● HMRC successfully challenging the potential supplier under the General Anti – Abuse Rule (GAAR) or the “Halifax” abuse principle; or  
● a tax authority in a jurisdiction in which the potential supplier is established successfully challenging it under any tax rules or legislation that have an effect equivalent or similar to the GAAR or “Halifax” abuse principle;  
● a failure to notify, or failure of an avoidance scheme which the supplier is or was involved in, under the Disclosure of Tax Avoidance Scheme rules (DOTAS) or any equivalent or similar regime in a jurisdiction in which the supplier is established
</t>
  </si>
  <si>
    <t xml:space="preserve">Yes = Fail, No = Pass </t>
  </si>
  <si>
    <t>Financial</t>
  </si>
  <si>
    <t xml:space="preserve">Bidding Entity credit score assessment (no action is required from the Bidder).  
Yorkshire Water will run a financial credit report on your company (Credit Safe). It is your responsibility to ensure that information held by Companies House is up to date. Bidders should have a Credit Safe score of &gt;40%
If you do not have a credit score above this value, YWS reserve the right to request further information, for example, Parent Company Guarantee or exclude you from the tender process on financial security grounds.
</t>
  </si>
  <si>
    <t xml:space="preserve">Credit Safe Score - 71 - 100  = 100% (Pass)	
Credit Safe Score - 51 - 70  = 75% (Pass)	
Credit Safe Score - 30 - 50  = 50% (Pass)	
Credit Safe Score - 0 - 29  = 0% (Fail - if you do not have a credit score of at least 30, YWS reserve the right to request further information, for example, a Parent Company Guarantee or exclude you from the tender process on financial security grounds).	</t>
  </si>
  <si>
    <t>Please confirm that the Bidding Entity have 2x the turnover to value ratio of any lot the Bidding Entity wants to bid for. In the event that a Bidding Entity wins multiple lots, where the aggregated lot values are above the 2 x turnover to value ratio, YW will need to seek further financial assurance prior to award. If assurance is not obtained, the Bidding Entity will only be awarded lots/contracts up to their ratio threshold (the award methodology will be done in order of highest scoring lot first).
Please provide the Bidding Entity turnover figures for the last 3 years as evidence</t>
  </si>
  <si>
    <t>Yes (with evidence) = Pass, Yes (without evidence) = Fail, No = Fail</t>
  </si>
  <si>
    <t>Yes</t>
  </si>
  <si>
    <t>Health &amp; Safety</t>
  </si>
  <si>
    <t xml:space="preserve">Please confirm the Bidding Entity communicates and consults with their workforce on all matters relating to health, safety and wellbeing
</t>
  </si>
  <si>
    <t xml:space="preserve">Does the Bidding Entity have a documented and signed Health &amp; Safety Policy?  This must cover General Policy Statement, Organisation and Arrangements as required by Section 2(3) of the Health &amp; Safety at Work, etc. Act 1974.
</t>
  </si>
  <si>
    <t>Does the Bidding Entity have external certification for their Health and Safety Management System?  E.g. ISO 45001  
The certification must include the following aspects:
- The sections included in the system e.g.. Emergency preparedness, COSHH, Lone Worker systems
- The unique identification/referencing system
- What risks are managed
- How frequently reviews are conducted
- Systems and processes in place to ensure the system is kept current
If the Bidding Entity does not have certification, please provide evidence detailing how Health and Safety Management is delivered and quality is ensured.</t>
  </si>
  <si>
    <t>Yes (with evidence of external certification) = Pass, 
No with sufficient evidence detailing how Health and Safety Management is delivered and quality is ensured = Pass
No or insufficient evidence = Fail</t>
  </si>
  <si>
    <t>Please confirm your company holds a procedure for recording accidents/incidents. Please provide an example of a recent incident and investigation, and how the learning was shared.</t>
  </si>
  <si>
    <t xml:space="preserve">Please confirm the following details for the Bidding Entity:
1. The total number of reportable accidents in (lost time) in the last 3 years.
2. The total number of reportable accidents (non-lost time) in the last 3 years.
3. The total number of man hours worked over the last 3 years.
Yorkshire Water Services will use the following calculation to get the average AFR %; Number of Reportable Accidents over the last 3 years (lost time and non-lost time) × 100,000 ÷ Number of Man Hours
</t>
  </si>
  <si>
    <t>Pass = AFR (Accident Frequency Rate) is 0.5% or below
Pass = AFR (Accident Frequency Rate) above 0.5% and bidder was able to provide satisfactory mitigation plan
Fail = AFR (Accident Frequency Rate) above 0.5% and bidder was not able to provide satisfactory mitigation plan</t>
  </si>
  <si>
    <t>Please confirm the Bidding Entity has received no more than 2 HSE Improvement Notices over the last 3 years.</t>
  </si>
  <si>
    <t>Please confirm the Bidding Entity has received no more than 2 HSE Prosecutions or Prohibition Notices over the last 3 years</t>
  </si>
  <si>
    <t>Environmental</t>
  </si>
  <si>
    <t>Does the Bidding Entity adhere to documented Environmental Management System, Policy or Statement, either stand alone or detailed within Quality documentation?        
This must be compliant with requirements outlined in the ISO 14001 standard or equivalent.</t>
  </si>
  <si>
    <t>Has the Bidding Entity been prosecuted for a pollution event in the last three years.
If you have been prosecuted but did provide a robust mitigation plan, please provide these details.</t>
  </si>
  <si>
    <t>Pass = not prosecuted, or prosecuted but has robust mitigation plan
Fail = prosecuted and no mitigation plan</t>
  </si>
  <si>
    <t>Please detail the initiatives that the Bidding Entity has implemented over the last two years to minimise and/or improve the environmental impact across all of the activities that the Bidding Entity undertake.</t>
  </si>
  <si>
    <t>A "Good Response"- The Bidding Entity is able to demonstrates evidenced examples with details of the implementation undertaken, the measured and monitored benefits generated against set targets and how these transfer to continuous improvement. Where policies and procedures have been implemented from the initiatives, please provide the relevant copies.  
Areas could include but not be limited to:  
(a) Reduce, reuse and recycle policies and incentives i.e. paper, waste segregation, light bulbs, batteries, printer cartridges, packaging etc.
(b) Reduction of waste to landfill
(c) The purchase and responsible disposal of biodegradable products
(d) The purchase and use of energy efficient products and vehicles  
(e) Reduction of noise pollution  
(f) Reduction in use of chemicals and responsible action taken in relation to storage, disposal and chemical spills  
(g) Reduction of emissions to air, including odour  
(h) Reduction of emissions to water
(I) Active reduction of fuel and energy usage over time.
A "Poor response" -  The Bidding Entity answer does not  clearly demonstrate or the Bidding Entity is unable to provide, evidenced examples with details of the implementation and measured, monitored benefits generated against set targets
Good = Pass, Poor = Fail</t>
  </si>
  <si>
    <t xml:space="preserve">Please detail what the Bidding Entity has implemented over the last two years to minimise and/or improve the impact of  energy consumption or emissions?    </t>
  </si>
  <si>
    <t>A "Good response" - The Bidding Entity is able to demonstrate and understanding and can evidence  examples of continual improvement with regard to their energy consumption and emissions and that of their suppliers (where applicable). Examples may include but not limited to      
(a) Operational and embodied carbon measuring      
(b) Monitoring and active carbon footprint reduction through a range of  initiatives such as: the purchase and use of energy efficient products and vehicles      
(c) Active reduction of fuel and energy usage through optimised logistics      
(d) The design and use of energy efficient buildings      
(e) Installation of advanced energy control systems    
A "Poor Response"- The Bidding Entity answer does not  clearly demonstrate or the Bidding Entity is unable to provide, evidence of appropriate procedures for waste disposal, company initiatives to reduce re-use or recycle waste or the responsible attitude towards waste disposal.
Good = Pass, Poor = Fail</t>
  </si>
  <si>
    <t xml:space="preserve">Please describe how the Bidding Entity manages the removal and disposal of waste including but not limited to general waste, electrical and oil disposal and compliance to the WEE directive.    
In your response please provide the proportion of your waste that current goes to landfill.  </t>
  </si>
  <si>
    <t>A "Good Response"  - This Bidding Entity is able to demonstrate policies and procedures relating to the removal and disposal of waste including evidence of segregation of waste, method statements, risk assessments and responsible disposal procedures. The Biding Entity will be able to clearly demonstrate how they currently ensures that any waste materials arising from their works are, wherever possible, reused or recycled so that the minimum of waste materials are sent to landfill. The response should provide evidence including relevant policy extract , procedures, valid waste carrier licences and commitment to waste reduction.  
A "Poor Response" - The Bidding Entity answer does not clearly demonstrate  or the Bidding Entity is unable to provide ,evidenced examples with details of the implementation and measured, monitored benefits generated against set targets.
Good = Pass, Poor = Fail</t>
  </si>
  <si>
    <t>Human Rights</t>
  </si>
  <si>
    <t>Does the Bidding Entity comply to all of the following:  
Equality Act 2010
Working Time Directive (2003/88/EC),    
National Minimum Wage Act 1998,    
Employment Rights Act 1996,    
Protection of Young People at Work Council Directive 94/33/EC,    
Trade Union &amp; Labour Relations (Consolidation) Act 1992,    
Transfer of Undertakings (Protection of Employment) Regulations 2006,    
Pensions Act 2004,    
The Gangmasters (Licensing) Act 2004 &amp; all applicable obligations under European Labour Law within the European Convention on Human Rights?</t>
  </si>
  <si>
    <t xml:space="preserve">In relation to the proposed Agreement, is / or will the Bidder be a Qualifying Company (Living Wage Foundation).
A Qualifying Company is referred to as "A company who directly supplies an employee(s) or indirectly via a sub-contractor who carries out services under the Agreement involving two or more hours of work in any given day in a week, for eight or more consecutive weeks in a year on the Employers site(s)."
A] If the requirements to be a Qualifying Company DO NOT APPLY to this Agreement, answer "Yes"  
B] If the requirements to be a Qualifying Company DO APPLY and as a bidder  
    I)   you currently pay the Living Wage  
    ii)  are implementing paying the living wage  
    iii) agree to pay the Living Wage a maximum of 6 months after the start of the Agreement  
Then answer "Yes"  
C] If the requirements to be Qualifying Company DO APPLY and as a bidder YOU DO NOT intend to pay the Living Wage to relevant employees or sub-contractors during the course of the Agreement then answer "No"
</t>
  </si>
  <si>
    <t>Is the Bidding Entity a relevant commercial organisation as defined by the Modern Slavery Act 2015 ("the 2015 Act"); "the transparency in supply chain provisions"?    
If the Bidding Entity is a relevant commercial organisation please continue with the rest of the question.
From 29 October 2015 the Transparency in Supply Chain Provisions require businesses to publish an annual statement if they have an annual turnover above a threshold (£36 million). The statement must confirm the steps taken to ensure that slavery and human trafficking are not taking place in the business (or in any supply chain) or declare that no steps to confirm the existence of slavery or trafficking have been taken.  
Please attach your annual statement relating to the above Act. If this evidence is not available, YWS has the right to exclude you from this process.</t>
  </si>
  <si>
    <t xml:space="preserve">No = Pass
Yes (with evidence) = Pass
Yes (without evidence) = Fail </t>
  </si>
  <si>
    <t>Has the Bidding Entity been convicted for any breach of the Modern Slavery Act 2015?</t>
  </si>
  <si>
    <t xml:space="preserve">Does the Bidding Entity hold a whistleblowing policy that includes the mechanism for workers to report complaints?
</t>
  </si>
  <si>
    <t>Please confirm the Bidding Entity provides training to workers, supervisors and management staff on forced labour and modern slavery? If not, will the Bidding Entity implement training if successful in this tender?</t>
  </si>
  <si>
    <t>If you are not a relevant commercial organisation as defined by the Modern Slavery Act 2015, do you:
- Prohibit use of forced, bonded, indentured or involuntary prison labour?
- Only employ individuals over the age of 16 who work voluntarily and work no longer than 60 hours per week, except in emergency or unusual conditions?
- Allow all workers to leave employment upon reasonable notice, and not require workers to hand over government-issued identification, passports or work permits as a condition of employment?
- Provide all workers with full details regarding deductions, taxes, benefits etc.</t>
  </si>
  <si>
    <t>All Yes = Pass, any no = Fail</t>
  </si>
  <si>
    <t>Quality Management</t>
  </si>
  <si>
    <t xml:space="preserve">Does the Bidding Entity have a documented Quality Management System?      
Please attach evidence of a QMS (this could be certification of accreditation by an external body; a policy statement; or other suitable document) by the bidding company to demonstrate the capability of the company in terms of quality management; this may include, but is not limited to ISO9001 or PAS99.  
If yes, please attach a copy.
</t>
  </si>
  <si>
    <t>Information Security</t>
  </si>
  <si>
    <t>Does the Bidding Entity hold an Information Security Policy or accreditation?
If yes, please attach a copy.</t>
  </si>
  <si>
    <t xml:space="preserve">Does the bidding company hold a Data Protection Policy and/or have procedures to ensure compliance with the Data Protection Act 2018?
If yes, please attach a copy.
</t>
  </si>
  <si>
    <t>Does the bidding entity comply with the UK GDPR (General Data Protection Regulations)?</t>
  </si>
  <si>
    <t>Insurance</t>
  </si>
  <si>
    <t>Does the Bidding Entity currently hold or are prepared to hold £5million worth of Public Liability Insurance by the commencement of this Agreement? This needs to be aggregate per annum and to be in place for up to 6 years after the end of the agreement.    
If yes, please confirm the following:      
Policy Number          
Limit of Indemnity          
Excess         
Limit for a single event          
Expiry Date      
If yes, please attach a copy.</t>
  </si>
  <si>
    <t>Does the Bidding Entity currently hold or are prepared to hold £5million worth of Employers Liability Insurance by the commencement of this Agreement? This needs to be aggregate per annum and to be in place for up to 6 years after the end of the agreement.    
If yes, please confirm the following:      
Policy Number          
Limit of Indemnity          
Excess         
Limit for a single event          
Expiry Date      
If yes, please attach a copy.</t>
  </si>
  <si>
    <t>Capability</t>
  </si>
  <si>
    <t>Please confirm that all workers intended to be used for this agreement have a right to work within the UK</t>
  </si>
  <si>
    <t>Please confirm that the Bidding entity complies with the New Roads and Street Works Act 1991</t>
  </si>
  <si>
    <t>Confirm that the bidding entity will have the capacity to provide bottles of clean, drinkable water per year, which is in 2 litre bottles, in packs of 6</t>
  </si>
  <si>
    <t>Confirm that the bidding entity is able to supply water that contains under 200mg/litre of sodium, and 250mg/litre of Sulphate</t>
  </si>
  <si>
    <t>Confirm that the bidding entity is able to hold stock of bottled water, which is TGN11 compliant</t>
  </si>
  <si>
    <t>The bidding entity will be required to move pallets of bulk water from their storage facility to other locations, please confirm you have the in-house capability to load and remove pallets of bulk water from your trailers</t>
  </si>
  <si>
    <t>Information Request</t>
  </si>
  <si>
    <t>For Info Only</t>
  </si>
  <si>
    <t>N/A</t>
  </si>
  <si>
    <t>Yorkshire Water - Selection Stage Questionnaire</t>
  </si>
  <si>
    <t>YW Bottled Water Programme</t>
  </si>
  <si>
    <t>Please provide any required attachments in the same .zip folder with your response using the naming system "[Question number] - [Question Category]" e.g. for question 5.4 this would read "5.4 - Health &amp; Safety"</t>
  </si>
  <si>
    <r>
      <t xml:space="preserve">Outside of the specifications, contract terms and SLAs / KPIs, Yorkshire Water will aim to provide the following information as part of the next stage, for anybody that makes it through the selection stage:
</t>
    </r>
    <r>
      <rPr>
        <b/>
        <sz val="11"/>
        <color theme="1"/>
        <rFont val="Calibri"/>
        <family val="2"/>
        <scheme val="minor"/>
      </rPr>
      <t xml:space="preserve">Bottled Water:
</t>
    </r>
    <r>
      <rPr>
        <sz val="11"/>
        <color theme="1"/>
        <rFont val="Calibri"/>
        <family val="2"/>
        <scheme val="minor"/>
      </rPr>
      <t>- Historic usage and incident locations, (as a guide only)
- Expectations for population coverage and volume of storage requirements to replenish during accidents
If you believe any further information would help you size and quote for the opportunity, please provide a list in the answer column, stating:
- The requirement / Lot it relates to
- Information requested
- Reason for request
YW can not guarantee that the information will be made available, but will do what we can to respond to all requests</t>
    </r>
  </si>
  <si>
    <t>Confirm that the bidding entity will have the capacity to provide labelling options to Bottled Water based on business and legal requirements</t>
  </si>
  <si>
    <t>The bidding entity will be expected to deliver bottled water to centralized Distribution Center within the Yorkshire region on short notice or periodically replenishment cycles, confirm you will have the capability to meet this service level</t>
  </si>
  <si>
    <t xml:space="preserve">Confirm that the bidding entity is able to deliver bottles pallets shrink-wrappeds </t>
  </si>
  <si>
    <t>For any queries about the questions contained within this document, or anything else provided, please contact Caio Scarpetti at Caio.Scarpetti@yorkshirewater.co.uk.</t>
  </si>
  <si>
    <r>
      <rPr>
        <b/>
        <sz val="11"/>
        <rFont val="Poppins"/>
      </rPr>
      <t>1.1 Instructions concerning the completion of this document</t>
    </r>
    <r>
      <rPr>
        <sz val="11"/>
        <rFont val="Poppins"/>
      </rPr>
      <t xml:space="preserve">
•	Please do not change the structure or formatting of this workbook in any way (for example, do not delete, add, merge, or unmerge any cells and DO NOT ADD OR DELETE LINES OR COLUMNS).
•	Please do not use the 'comment' function of Excel. Every comment you put in this way could be ignored.
•	Unless additional information is specifically requested, only the responses to the questions included in this document will be evaluated.
•	Please provide Yes / No responses in the answer column (I) in accordance with the data validation for the cell.  Text answers or further info should be provided in column (J)
•	All scored questions will follow the Scoring Guidelines within the 'Scoring' tab
</t>
    </r>
    <r>
      <rPr>
        <b/>
        <sz val="11"/>
        <rFont val="Poppins"/>
      </rPr>
      <t>1.2 Important Notes</t>
    </r>
    <r>
      <rPr>
        <sz val="11"/>
        <rFont val="Poppins"/>
      </rPr>
      <t xml:space="preserve">
•	Please note that the Selection questionnaire must be submitted via Ariba. All other stages of the Procurement Process will also be taking place on Ariba Network as described in the Procurement Process Rules.
•	If you have any questions, you can contact: Caio Scarpetti at Caio.Scarpetti@yorkshirewater.co.uk
•	The deadline for response is 11am on 24/10/2025</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7" x14ac:knownFonts="1">
    <font>
      <sz val="11"/>
      <color theme="1"/>
      <name val="Calibri"/>
      <family val="2"/>
      <scheme val="minor"/>
    </font>
    <font>
      <sz val="11"/>
      <color theme="1"/>
      <name val="Calibri"/>
      <family val="2"/>
      <scheme val="minor"/>
    </font>
    <font>
      <sz val="10"/>
      <name val="Arial"/>
      <family val="2"/>
    </font>
    <font>
      <b/>
      <sz val="14"/>
      <color indexed="18"/>
      <name val="Arial"/>
      <family val="2"/>
    </font>
    <font>
      <b/>
      <sz val="10"/>
      <color indexed="18"/>
      <name val="Arial"/>
      <family val="2"/>
    </font>
    <font>
      <b/>
      <sz val="11"/>
      <color theme="1"/>
      <name val="Calibri"/>
      <family val="2"/>
      <scheme val="minor"/>
    </font>
    <font>
      <sz val="11"/>
      <color theme="1"/>
      <name val="Poppins"/>
    </font>
    <font>
      <b/>
      <sz val="14"/>
      <color rgb="FF0D2240"/>
      <name val="Poppins"/>
    </font>
    <font>
      <b/>
      <sz val="12"/>
      <color rgb="FF0073CF"/>
      <name val="Poppins"/>
    </font>
    <font>
      <b/>
      <sz val="11"/>
      <color theme="1"/>
      <name val="Poppins"/>
    </font>
    <font>
      <b/>
      <sz val="14"/>
      <color rgb="FF0D2240"/>
      <name val="Arial"/>
      <family val="2"/>
    </font>
    <font>
      <b/>
      <sz val="14"/>
      <color rgb="FF0073CF"/>
      <name val="Arial"/>
      <family val="2"/>
    </font>
    <font>
      <b/>
      <sz val="11"/>
      <color theme="0"/>
      <name val="Poppins"/>
    </font>
    <font>
      <sz val="10"/>
      <color theme="1"/>
      <name val="Calibri"/>
      <family val="2"/>
      <scheme val="minor"/>
    </font>
    <font>
      <sz val="11"/>
      <color rgb="FF000000"/>
      <name val="Calibri"/>
      <family val="2"/>
      <scheme val="minor"/>
    </font>
    <font>
      <sz val="11"/>
      <name val="Poppins"/>
    </font>
    <font>
      <b/>
      <sz val="11"/>
      <name val="Poppins"/>
    </font>
  </fonts>
  <fills count="8">
    <fill>
      <patternFill patternType="none"/>
    </fill>
    <fill>
      <patternFill patternType="gray125"/>
    </fill>
    <fill>
      <patternFill patternType="solid">
        <fgColor indexed="44"/>
        <bgColor indexed="64"/>
      </patternFill>
    </fill>
    <fill>
      <patternFill patternType="solid">
        <fgColor rgb="FFFFFFCC"/>
        <bgColor indexed="64"/>
      </patternFill>
    </fill>
    <fill>
      <patternFill patternType="solid">
        <fgColor theme="0"/>
        <bgColor indexed="64"/>
      </patternFill>
    </fill>
    <fill>
      <patternFill patternType="solid">
        <fgColor rgb="FF3357F0"/>
        <bgColor indexed="64"/>
      </patternFill>
    </fill>
    <fill>
      <patternFill patternType="solid">
        <fgColor rgb="FFFFFF99"/>
        <bgColor rgb="FFFFFF99"/>
      </patternFill>
    </fill>
    <fill>
      <patternFill patternType="solid">
        <fgColor rgb="FFFFFF99"/>
        <bgColor indexed="64"/>
      </patternFill>
    </fill>
  </fills>
  <borders count="12">
    <border>
      <left/>
      <right/>
      <top/>
      <bottom/>
      <diagonal/>
    </border>
    <border>
      <left style="thin">
        <color indexed="18"/>
      </left>
      <right style="thin">
        <color indexed="18"/>
      </right>
      <top style="hair">
        <color indexed="18"/>
      </top>
      <bottom style="thin">
        <color indexed="18"/>
      </bottom>
      <diagonal/>
    </border>
    <border>
      <left style="thin">
        <color indexed="18"/>
      </left>
      <right style="thin">
        <color indexed="18"/>
      </right>
      <top style="hair">
        <color indexed="18"/>
      </top>
      <bottom style="hair">
        <color indexed="18"/>
      </bottom>
      <diagonal/>
    </border>
    <border>
      <left style="thin">
        <color indexed="18"/>
      </left>
      <right style="thin">
        <color indexed="18"/>
      </right>
      <top style="thin">
        <color indexed="18"/>
      </top>
      <bottom style="thin">
        <color indexed="18"/>
      </bottom>
      <diagonal/>
    </border>
    <border>
      <left style="thin">
        <color indexed="18"/>
      </left>
      <right style="thin">
        <color indexed="18"/>
      </right>
      <top style="thin">
        <color indexed="18"/>
      </top>
      <bottom style="hair">
        <color indexed="18"/>
      </bottom>
      <diagonal/>
    </border>
    <border>
      <left/>
      <right/>
      <top/>
      <bottom style="thin">
        <color theme="0"/>
      </bottom>
      <diagonal/>
    </border>
    <border>
      <left style="thin">
        <color indexed="64"/>
      </left>
      <right style="thin">
        <color indexed="64"/>
      </right>
      <top style="thin">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top style="thin">
        <color indexed="64"/>
      </top>
      <bottom/>
      <diagonal/>
    </border>
    <border>
      <left style="thin">
        <color rgb="FF000000"/>
      </left>
      <right style="thin">
        <color rgb="FF000000"/>
      </right>
      <top style="thin">
        <color rgb="FF000000"/>
      </top>
      <bottom/>
      <diagonal/>
    </border>
    <border>
      <left/>
      <right style="thin">
        <color indexed="64"/>
      </right>
      <top style="thin">
        <color indexed="64"/>
      </top>
      <bottom/>
      <diagonal/>
    </border>
  </borders>
  <cellStyleXfs count="11">
    <xf numFmtId="0" fontId="0" fillId="0" borderId="0"/>
    <xf numFmtId="0" fontId="2" fillId="0" borderId="0"/>
    <xf numFmtId="0" fontId="2" fillId="0" borderId="2" applyNumberFormat="0" applyFill="0" applyProtection="0"/>
    <xf numFmtId="0" fontId="2" fillId="0" borderId="4" applyNumberFormat="0" applyFill="0" applyProtection="0"/>
    <xf numFmtId="0" fontId="2" fillId="0" borderId="1" applyNumberFormat="0" applyFill="0" applyProtection="0"/>
    <xf numFmtId="0" fontId="4" fillId="0" borderId="3" applyNumberFormat="0">
      <alignment horizontal="center" vertical="center" wrapText="1"/>
    </xf>
    <xf numFmtId="0" fontId="4" fillId="2" borderId="3" applyNumberFormat="0" applyProtection="0">
      <alignment horizontal="centerContinuous" vertical="center" wrapText="1"/>
    </xf>
    <xf numFmtId="0" fontId="1" fillId="0" borderId="3" applyNumberFormat="0" applyFill="0" applyAlignment="0" applyProtection="0"/>
    <xf numFmtId="0" fontId="4" fillId="0" borderId="3" applyNumberFormat="0" applyProtection="0">
      <alignment horizontal="left" vertical="center" wrapText="1"/>
    </xf>
    <xf numFmtId="0" fontId="2" fillId="3" borderId="2">
      <protection locked="0"/>
    </xf>
    <xf numFmtId="0" fontId="2" fillId="0" borderId="0"/>
  </cellStyleXfs>
  <cellXfs count="44">
    <xf numFmtId="0" fontId="0" fillId="0" borderId="0" xfId="0"/>
    <xf numFmtId="0" fontId="0" fillId="0" borderId="0" xfId="0" applyAlignment="1">
      <alignment vertical="center"/>
    </xf>
    <xf numFmtId="0" fontId="6" fillId="4" borderId="0" xfId="0" applyFont="1" applyFill="1" applyAlignment="1">
      <alignment vertical="center"/>
    </xf>
    <xf numFmtId="0" fontId="6" fillId="4" borderId="0" xfId="0" applyFont="1" applyFill="1" applyAlignment="1">
      <alignment vertical="center" wrapText="1"/>
    </xf>
    <xf numFmtId="0" fontId="7" fillId="0" borderId="5" xfId="1" applyFont="1" applyBorder="1" applyAlignment="1">
      <alignment vertical="center"/>
    </xf>
    <xf numFmtId="0" fontId="8" fillId="0" borderId="0" xfId="0" applyFont="1" applyAlignment="1">
      <alignment vertical="center"/>
    </xf>
    <xf numFmtId="0" fontId="6" fillId="4" borderId="0" xfId="0" applyFont="1" applyFill="1" applyAlignment="1">
      <alignment horizontal="center" vertical="center" wrapText="1"/>
    </xf>
    <xf numFmtId="0" fontId="3" fillId="0" borderId="0" xfId="1" applyFont="1"/>
    <xf numFmtId="0" fontId="10" fillId="0" borderId="0" xfId="1" applyFont="1" applyAlignment="1">
      <alignment vertical="center"/>
    </xf>
    <xf numFmtId="0" fontId="2" fillId="0" borderId="0" xfId="1"/>
    <xf numFmtId="0" fontId="11" fillId="0" borderId="0" xfId="0" applyFont="1" applyAlignment="1">
      <alignment vertical="center"/>
    </xf>
    <xf numFmtId="0" fontId="2" fillId="0" borderId="0" xfId="1" quotePrefix="1"/>
    <xf numFmtId="0" fontId="0" fillId="4" borderId="0" xfId="0" applyFill="1" applyAlignment="1">
      <alignment vertical="center"/>
    </xf>
    <xf numFmtId="0" fontId="6" fillId="0" borderId="0" xfId="0" applyFont="1" applyAlignment="1">
      <alignment vertical="center"/>
    </xf>
    <xf numFmtId="0" fontId="7" fillId="0" borderId="0" xfId="1" applyFont="1" applyAlignment="1">
      <alignment vertical="center"/>
    </xf>
    <xf numFmtId="0" fontId="12" fillId="5" borderId="6" xfId="0" applyFont="1" applyFill="1" applyBorder="1" applyAlignment="1">
      <alignment horizontal="center" vertical="center" wrapText="1"/>
    </xf>
    <xf numFmtId="4" fontId="9" fillId="6" borderId="6" xfId="0" applyNumberFormat="1" applyFont="1" applyFill="1" applyBorder="1" applyAlignment="1" applyProtection="1">
      <alignment vertical="center" wrapText="1"/>
      <protection locked="0"/>
    </xf>
    <xf numFmtId="0" fontId="6" fillId="0" borderId="0" xfId="0" applyFont="1" applyAlignment="1">
      <alignment horizontal="center" vertical="center" wrapText="1"/>
    </xf>
    <xf numFmtId="0" fontId="12" fillId="0" borderId="0" xfId="0" applyFont="1" applyAlignment="1">
      <alignment horizontal="center" vertical="center" wrapText="1"/>
    </xf>
    <xf numFmtId="4" fontId="9" fillId="0" borderId="0" xfId="0" applyNumberFormat="1" applyFont="1" applyAlignment="1">
      <alignment vertical="center" wrapText="1"/>
    </xf>
    <xf numFmtId="0" fontId="6" fillId="0" borderId="0" xfId="0" applyFont="1" applyAlignment="1">
      <alignment vertical="center" wrapText="1"/>
    </xf>
    <xf numFmtId="0" fontId="12" fillId="5" borderId="7" xfId="0" applyFont="1" applyFill="1" applyBorder="1" applyAlignment="1">
      <alignment horizontal="center" vertical="center" wrapText="1"/>
    </xf>
    <xf numFmtId="0" fontId="12" fillId="5" borderId="8" xfId="0" applyFont="1" applyFill="1" applyBorder="1" applyAlignment="1">
      <alignment horizontal="center" vertical="center" wrapText="1"/>
    </xf>
    <xf numFmtId="0" fontId="1" fillId="0" borderId="3" xfId="7" applyFill="1" applyAlignment="1" applyProtection="1">
      <alignment horizontal="center" vertical="center"/>
    </xf>
    <xf numFmtId="0" fontId="1" fillId="0" borderId="3" xfId="7" applyFill="1" applyAlignment="1" applyProtection="1">
      <alignment horizontal="center" vertical="center" wrapText="1"/>
    </xf>
    <xf numFmtId="0" fontId="1" fillId="0" borderId="3" xfId="7" applyFill="1" applyAlignment="1" applyProtection="1">
      <alignment horizontal="left" vertical="center" wrapText="1"/>
    </xf>
    <xf numFmtId="0" fontId="0" fillId="7" borderId="3" xfId="7" applyFont="1" applyFill="1" applyAlignment="1" applyProtection="1">
      <alignment horizontal="center" vertical="center" wrapText="1"/>
      <protection locked="0"/>
    </xf>
    <xf numFmtId="4" fontId="13" fillId="6" borderId="6" xfId="0" applyNumberFormat="1" applyFont="1" applyFill="1" applyBorder="1" applyAlignment="1" applyProtection="1">
      <alignment vertical="top" wrapText="1"/>
      <protection locked="0"/>
    </xf>
    <xf numFmtId="0" fontId="0" fillId="0" borderId="3" xfId="7" applyFont="1" applyFill="1" applyAlignment="1" applyProtection="1">
      <alignment horizontal="center" vertical="center" wrapText="1"/>
    </xf>
    <xf numFmtId="49" fontId="1" fillId="0" borderId="3" xfId="7" applyNumberFormat="1" applyFill="1" applyAlignment="1" applyProtection="1">
      <alignment horizontal="left" vertical="center" wrapText="1"/>
    </xf>
    <xf numFmtId="0" fontId="0" fillId="0" borderId="3" xfId="7" applyFont="1" applyFill="1" applyAlignment="1" applyProtection="1">
      <alignment horizontal="center" vertical="center"/>
    </xf>
    <xf numFmtId="0" fontId="1" fillId="0" borderId="3" xfId="7" applyFill="1" applyAlignment="1" applyProtection="1">
      <alignment vertical="center" wrapText="1"/>
    </xf>
    <xf numFmtId="0" fontId="0" fillId="0" borderId="3" xfId="7" applyFont="1" applyFill="1" applyAlignment="1" applyProtection="1">
      <alignment vertical="center" wrapText="1"/>
    </xf>
    <xf numFmtId="0" fontId="0" fillId="0" borderId="9" xfId="7" applyFont="1" applyFill="1" applyBorder="1" applyAlignment="1" applyProtection="1">
      <alignment horizontal="center" vertical="center" wrapText="1"/>
    </xf>
    <xf numFmtId="0" fontId="14" fillId="0" borderId="10" xfId="0" applyFont="1" applyBorder="1" applyAlignment="1">
      <alignment wrapText="1"/>
    </xf>
    <xf numFmtId="0" fontId="0" fillId="0" borderId="11" xfId="7" applyFont="1" applyFill="1" applyBorder="1" applyAlignment="1" applyProtection="1">
      <alignment horizontal="center" vertical="center" wrapText="1"/>
    </xf>
    <xf numFmtId="0" fontId="0" fillId="4" borderId="0" xfId="0" applyFill="1" applyAlignment="1">
      <alignment vertical="center" wrapText="1"/>
    </xf>
    <xf numFmtId="0" fontId="0" fillId="4" borderId="0" xfId="0" applyFill="1" applyAlignment="1">
      <alignment horizontal="center" vertical="center" wrapText="1"/>
    </xf>
    <xf numFmtId="0" fontId="0" fillId="0" borderId="0" xfId="7" applyFont="1" applyFill="1" applyBorder="1" applyAlignment="1" applyProtection="1">
      <alignment horizontal="center" vertical="center"/>
    </xf>
    <xf numFmtId="0" fontId="0" fillId="0" borderId="0" xfId="7" applyFont="1" applyFill="1" applyBorder="1" applyAlignment="1" applyProtection="1">
      <alignment horizontal="center" vertical="center" wrapText="1"/>
    </xf>
    <xf numFmtId="0" fontId="0" fillId="0" borderId="0" xfId="7" applyFont="1" applyFill="1" applyBorder="1" applyAlignment="1" applyProtection="1">
      <alignment vertical="center" wrapText="1"/>
    </xf>
    <xf numFmtId="0" fontId="15" fillId="4" borderId="0" xfId="0" applyFont="1" applyFill="1" applyAlignment="1">
      <alignment vertical="center"/>
    </xf>
    <xf numFmtId="0" fontId="6" fillId="4" borderId="0" xfId="0" applyFont="1" applyFill="1" applyAlignment="1">
      <alignment horizontal="left" vertical="center" wrapText="1"/>
    </xf>
    <xf numFmtId="0" fontId="15" fillId="4" borderId="0" xfId="0" applyFont="1" applyFill="1" applyAlignment="1">
      <alignment horizontal="left" vertical="top" wrapText="1"/>
    </xf>
  </cellXfs>
  <cellStyles count="11">
    <cellStyle name="Bottom_Dot_Table" xfId="4" xr:uid="{00000000-0005-0000-0000-000000000000}"/>
    <cellStyle name="Dot_Table" xfId="2" xr:uid="{00000000-0005-0000-0000-000001000000}"/>
    <cellStyle name="Full_Table" xfId="7" xr:uid="{00000000-0005-0000-0000-000002000000}"/>
    <cellStyle name="Merged_Table_Header" xfId="6" xr:uid="{00000000-0005-0000-0000-000003000000}"/>
    <cellStyle name="Normal" xfId="0" builtinId="0"/>
    <cellStyle name="Normal 2" xfId="1" xr:uid="{00000000-0005-0000-0000-000005000000}"/>
    <cellStyle name="Normal 2 2 2_RFP Consolidation Tool_v1.05 (MICE)" xfId="10" xr:uid="{00000000-0005-0000-0000-000006000000}"/>
    <cellStyle name="Subtotal" xfId="8" xr:uid="{00000000-0005-0000-0000-000007000000}"/>
    <cellStyle name="Table_Header" xfId="5" xr:uid="{00000000-0005-0000-0000-000008000000}"/>
    <cellStyle name="Top_Dot_Table" xfId="3" xr:uid="{00000000-0005-0000-0000-000009000000}"/>
    <cellStyle name="Yellow-shaded cell" xfId="9" xr:uid="{00000000-0005-0000-0000-00000A000000}"/>
  </cellStyles>
  <dxfs count="0"/>
  <tableStyles count="0" defaultTableStyle="TableStyleMedium2" defaultPivotStyle="PivotStyleLight16"/>
  <colors>
    <mruColors>
      <color rgb="FF0073CF"/>
      <color rgb="FFDCDCDC"/>
      <color rgb="FFA5A5A5"/>
      <color rgb="FFB7DEFF"/>
      <color rgb="FFA4A4A4"/>
      <color rgb="FFC3009E"/>
      <color rgb="FFF0AB00"/>
      <color rgb="FF00B0CA"/>
      <color rgb="FFE00034"/>
      <color rgb="FF00AE65"/>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5.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4.xml"/><Relationship Id="rId5" Type="http://schemas.openxmlformats.org/officeDocument/2006/relationships/theme" Target="theme/theme1.xml"/><Relationship Id="rId10" Type="http://schemas.openxmlformats.org/officeDocument/2006/relationships/customXml" Target="../customXml/item3.xml"/><Relationship Id="rId4" Type="http://schemas.openxmlformats.org/officeDocument/2006/relationships/worksheet" Target="worksheets/sheet4.xml"/><Relationship Id="rId9" Type="http://schemas.openxmlformats.org/officeDocument/2006/relationships/customXml" Target="../customXml/item2.xml"/></Relationships>
</file>

<file path=xl/drawings/_rels/drawing2.xml.rels><?xml version="1.0" encoding="UTF-8" standalone="yes"?>
<Relationships xmlns="http://schemas.openxmlformats.org/package/2006/relationships"><Relationship Id="rId1" Type="http://schemas.openxmlformats.org/officeDocument/2006/relationships/image" Target="../media/image2.png"/></Relationships>
</file>

<file path=xl/drawings/_rels/vmlDrawing1.v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oneCellAnchor>
    <xdr:from>
      <xdr:col>6</xdr:col>
      <xdr:colOff>0</xdr:colOff>
      <xdr:row>6</xdr:row>
      <xdr:rowOff>0</xdr:rowOff>
    </xdr:from>
    <xdr:ext cx="3731872" cy="159675"/>
    <xdr:sp macro="" textlink="">
      <xdr:nvSpPr>
        <xdr:cNvPr id="2" name="Object 14" hidden="1">
          <a:extLst>
            <a:ext uri="{63B3BB69-23CF-44E3-9099-C40C66FF867C}">
              <a14:compatExt xmlns:a14="http://schemas.microsoft.com/office/drawing/2010/main" spid="_x0000_s28686"/>
            </a:ext>
            <a:ext uri="{FF2B5EF4-FFF2-40B4-BE49-F238E27FC236}">
              <a16:creationId xmlns:a16="http://schemas.microsoft.com/office/drawing/2014/main" id="{B4DAF862-BC5F-4D3E-9122-D3BF33E30B5B}"/>
            </a:ext>
          </a:extLst>
        </xdr:cNvPr>
        <xdr:cNvSpPr/>
      </xdr:nvSpPr>
      <xdr:spPr bwMode="auto">
        <a:xfrm>
          <a:off x="8172450" y="1714500"/>
          <a:ext cx="3731872" cy="159675"/>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wsDr>
</file>

<file path=xl/drawings/drawing2.xml><?xml version="1.0" encoding="utf-8"?>
<xdr:wsDr xmlns:xdr="http://schemas.openxmlformats.org/drawingml/2006/spreadsheetDrawing" xmlns:a="http://schemas.openxmlformats.org/drawingml/2006/main">
  <xdr:twoCellAnchor editAs="oneCell">
    <xdr:from>
      <xdr:col>1</xdr:col>
      <xdr:colOff>52668</xdr:colOff>
      <xdr:row>4</xdr:row>
      <xdr:rowOff>84793</xdr:rowOff>
    </xdr:from>
    <xdr:to>
      <xdr:col>12</xdr:col>
      <xdr:colOff>570752</xdr:colOff>
      <xdr:row>47</xdr:row>
      <xdr:rowOff>67157</xdr:rowOff>
    </xdr:to>
    <xdr:pic>
      <xdr:nvPicPr>
        <xdr:cNvPr id="2" name="Picture 1">
          <a:extLst>
            <a:ext uri="{FF2B5EF4-FFF2-40B4-BE49-F238E27FC236}">
              <a16:creationId xmlns:a16="http://schemas.microsoft.com/office/drawing/2014/main" id="{DE7EF2E9-2000-4A0B-8DC4-EF285D816725}"/>
            </a:ext>
          </a:extLst>
        </xdr:cNvPr>
        <xdr:cNvPicPr>
          <a:picLocks noChangeAspect="1"/>
        </xdr:cNvPicPr>
      </xdr:nvPicPr>
      <xdr:blipFill>
        <a:blip xmlns:r="http://schemas.openxmlformats.org/officeDocument/2006/relationships" r:embed="rId1"/>
        <a:stretch>
          <a:fillRect/>
        </a:stretch>
      </xdr:blipFill>
      <xdr:spPr>
        <a:xfrm>
          <a:off x="243168" y="859493"/>
          <a:ext cx="7293534" cy="6808614"/>
        </a:xfrm>
        <a:prstGeom prst="rect">
          <a:avLst/>
        </a:prstGeom>
      </xdr:spPr>
    </xdr:pic>
    <xdr:clientData/>
  </xdr:twoCellAnchor>
</xdr:wsDr>
</file>

<file path=xl/drawings/drawing3.xml><?xml version="1.0" encoding="utf-8"?>
<xdr:wsDr xmlns:xdr="http://schemas.openxmlformats.org/drawingml/2006/spreadsheetDrawing" xmlns:a="http://schemas.openxmlformats.org/drawingml/2006/main">
  <xdr:twoCellAnchor editAs="oneCell">
    <xdr:from>
      <xdr:col>3</xdr:col>
      <xdr:colOff>6178550</xdr:colOff>
      <xdr:row>48</xdr:row>
      <xdr:rowOff>304800</xdr:rowOff>
    </xdr:from>
    <xdr:to>
      <xdr:col>4</xdr:col>
      <xdr:colOff>1744947</xdr:colOff>
      <xdr:row>59</xdr:row>
      <xdr:rowOff>2222163</xdr:rowOff>
    </xdr:to>
    <xdr:sp macro="" textlink="">
      <xdr:nvSpPr>
        <xdr:cNvPr id="2" name="Object 14" hidden="1">
          <a:extLst>
            <a:ext uri="{63B3BB69-23CF-44E3-9099-C40C66FF867C}">
              <a14:compatExt xmlns:a14="http://schemas.microsoft.com/office/drawing/2010/main" spid="_x0000_s28686"/>
            </a:ext>
            <a:ext uri="{FF2B5EF4-FFF2-40B4-BE49-F238E27FC236}">
              <a16:creationId xmlns:a16="http://schemas.microsoft.com/office/drawing/2014/main" id="{42F5EE5B-6A76-4540-A080-4D61778EF23E}"/>
            </a:ext>
          </a:extLst>
        </xdr:cNvPr>
        <xdr:cNvSpPr/>
      </xdr:nvSpPr>
      <xdr:spPr bwMode="auto">
        <a:xfrm>
          <a:off x="9226550" y="52933600"/>
          <a:ext cx="3986497" cy="8860902"/>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twoCellAnchor>
  <xdr:oneCellAnchor>
    <xdr:from>
      <xdr:col>3</xdr:col>
      <xdr:colOff>6178550</xdr:colOff>
      <xdr:row>32</xdr:row>
      <xdr:rowOff>304800</xdr:rowOff>
    </xdr:from>
    <xdr:ext cx="3731873" cy="1274099"/>
    <xdr:sp macro="" textlink="">
      <xdr:nvSpPr>
        <xdr:cNvPr id="3" name="Object 14" hidden="1">
          <a:extLst>
            <a:ext uri="{63B3BB69-23CF-44E3-9099-C40C66FF867C}">
              <a14:compatExt xmlns:a14="http://schemas.microsoft.com/office/drawing/2010/main" spid="_x0000_s28686"/>
            </a:ext>
            <a:ext uri="{FF2B5EF4-FFF2-40B4-BE49-F238E27FC236}">
              <a16:creationId xmlns:a16="http://schemas.microsoft.com/office/drawing/2014/main" id="{1D587B4C-57BC-4990-8307-3C2706FDA75A}"/>
            </a:ext>
          </a:extLst>
        </xdr:cNvPr>
        <xdr:cNvSpPr/>
      </xdr:nvSpPr>
      <xdr:spPr bwMode="auto">
        <a:xfrm>
          <a:off x="9226550" y="24263350"/>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49</xdr:row>
      <xdr:rowOff>0</xdr:rowOff>
    </xdr:from>
    <xdr:ext cx="3732373" cy="1300000"/>
    <xdr:sp macro="" textlink="">
      <xdr:nvSpPr>
        <xdr:cNvPr id="4" name="Object 14" hidden="1">
          <a:extLst>
            <a:ext uri="{63B3BB69-23CF-44E3-9099-C40C66FF867C}">
              <a14:compatExt xmlns:a14="http://schemas.microsoft.com/office/drawing/2010/main" spid="_x0000_s28686"/>
            </a:ext>
            <a:ext uri="{FF2B5EF4-FFF2-40B4-BE49-F238E27FC236}">
              <a16:creationId xmlns:a16="http://schemas.microsoft.com/office/drawing/2014/main" id="{FD7398C4-E33A-46DF-AA29-F8EF6537B34C}"/>
            </a:ext>
          </a:extLst>
        </xdr:cNvPr>
        <xdr:cNvSpPr/>
      </xdr:nvSpPr>
      <xdr:spPr bwMode="auto">
        <a:xfrm>
          <a:off x="9226550" y="52933600"/>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5" name="Object 14" hidden="1">
          <a:extLst>
            <a:ext uri="{63B3BB69-23CF-44E3-9099-C40C66FF867C}">
              <a14:compatExt xmlns:a14="http://schemas.microsoft.com/office/drawing/2010/main" spid="_x0000_s28686"/>
            </a:ext>
            <a:ext uri="{FF2B5EF4-FFF2-40B4-BE49-F238E27FC236}">
              <a16:creationId xmlns:a16="http://schemas.microsoft.com/office/drawing/2014/main" id="{E1A352B1-390C-4282-98AE-27F4BDBFBCB4}"/>
            </a:ext>
          </a:extLst>
        </xdr:cNvPr>
        <xdr:cNvSpPr/>
      </xdr:nvSpPr>
      <xdr:spPr bwMode="auto">
        <a:xfrm>
          <a:off x="9226550" y="273050"/>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11</xdr:row>
      <xdr:rowOff>0</xdr:rowOff>
    </xdr:from>
    <xdr:ext cx="3732373" cy="1300000"/>
    <xdr:sp macro="" textlink="">
      <xdr:nvSpPr>
        <xdr:cNvPr id="6" name="Object 14" hidden="1">
          <a:extLst>
            <a:ext uri="{63B3BB69-23CF-44E3-9099-C40C66FF867C}">
              <a14:compatExt xmlns:a14="http://schemas.microsoft.com/office/drawing/2010/main" spid="_x0000_s28686"/>
            </a:ext>
            <a:ext uri="{FF2B5EF4-FFF2-40B4-BE49-F238E27FC236}">
              <a16:creationId xmlns:a16="http://schemas.microsoft.com/office/drawing/2014/main" id="{BB1D9EE2-8B86-4B3D-AE9A-B5B1CBA0FF98}"/>
            </a:ext>
          </a:extLst>
        </xdr:cNvPr>
        <xdr:cNvSpPr/>
      </xdr:nvSpPr>
      <xdr:spPr bwMode="auto">
        <a:xfrm>
          <a:off x="9226550" y="2882900"/>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7" name="Object 14" hidden="1">
          <a:extLst>
            <a:ext uri="{63B3BB69-23CF-44E3-9099-C40C66FF867C}">
              <a14:compatExt xmlns:a14="http://schemas.microsoft.com/office/drawing/2010/main" spid="_x0000_s28686"/>
            </a:ext>
            <a:ext uri="{FF2B5EF4-FFF2-40B4-BE49-F238E27FC236}">
              <a16:creationId xmlns:a16="http://schemas.microsoft.com/office/drawing/2014/main" id="{F20EEFD0-3B5B-480A-A3C5-D5FDC9DE23E6}"/>
            </a:ext>
          </a:extLst>
        </xdr:cNvPr>
        <xdr:cNvSpPr/>
      </xdr:nvSpPr>
      <xdr:spPr bwMode="auto">
        <a:xfrm>
          <a:off x="9226550" y="273050"/>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10</xdr:row>
      <xdr:rowOff>0</xdr:rowOff>
    </xdr:from>
    <xdr:ext cx="3732373" cy="1300000"/>
    <xdr:sp macro="" textlink="">
      <xdr:nvSpPr>
        <xdr:cNvPr id="8" name="Object 14" hidden="1">
          <a:extLst>
            <a:ext uri="{63B3BB69-23CF-44E3-9099-C40C66FF867C}">
              <a14:compatExt xmlns:a14="http://schemas.microsoft.com/office/drawing/2010/main" spid="_x0000_s28686"/>
            </a:ext>
            <a:ext uri="{FF2B5EF4-FFF2-40B4-BE49-F238E27FC236}">
              <a16:creationId xmlns:a16="http://schemas.microsoft.com/office/drawing/2014/main" id="{B5F17ED2-3E93-41AD-97EB-C6071D7DEB64}"/>
            </a:ext>
          </a:extLst>
        </xdr:cNvPr>
        <xdr:cNvSpPr/>
      </xdr:nvSpPr>
      <xdr:spPr bwMode="auto">
        <a:xfrm>
          <a:off x="9226550" y="2336800"/>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9" name="Object 14" hidden="1">
          <a:extLst>
            <a:ext uri="{63B3BB69-23CF-44E3-9099-C40C66FF867C}">
              <a14:compatExt xmlns:a14="http://schemas.microsoft.com/office/drawing/2010/main" spid="_x0000_s28686"/>
            </a:ext>
            <a:ext uri="{FF2B5EF4-FFF2-40B4-BE49-F238E27FC236}">
              <a16:creationId xmlns:a16="http://schemas.microsoft.com/office/drawing/2014/main" id="{8372885C-A501-44A6-9B3D-7AF039B75C9B}"/>
            </a:ext>
          </a:extLst>
        </xdr:cNvPr>
        <xdr:cNvSpPr/>
      </xdr:nvSpPr>
      <xdr:spPr bwMode="auto">
        <a:xfrm>
          <a:off x="9226550" y="273050"/>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9</xdr:row>
      <xdr:rowOff>0</xdr:rowOff>
    </xdr:from>
    <xdr:ext cx="3732373" cy="1300000"/>
    <xdr:sp macro="" textlink="">
      <xdr:nvSpPr>
        <xdr:cNvPr id="10" name="Object 14" hidden="1">
          <a:extLst>
            <a:ext uri="{63B3BB69-23CF-44E3-9099-C40C66FF867C}">
              <a14:compatExt xmlns:a14="http://schemas.microsoft.com/office/drawing/2010/main" spid="_x0000_s28686"/>
            </a:ext>
            <a:ext uri="{FF2B5EF4-FFF2-40B4-BE49-F238E27FC236}">
              <a16:creationId xmlns:a16="http://schemas.microsoft.com/office/drawing/2014/main" id="{2F930115-D45C-4805-BEAD-733D95589432}"/>
            </a:ext>
          </a:extLst>
        </xdr:cNvPr>
        <xdr:cNvSpPr/>
      </xdr:nvSpPr>
      <xdr:spPr bwMode="auto">
        <a:xfrm>
          <a:off x="9226550" y="2254250"/>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11" name="Object 14" hidden="1">
          <a:extLst>
            <a:ext uri="{63B3BB69-23CF-44E3-9099-C40C66FF867C}">
              <a14:compatExt xmlns:a14="http://schemas.microsoft.com/office/drawing/2010/main" spid="_x0000_s28686"/>
            </a:ext>
            <a:ext uri="{FF2B5EF4-FFF2-40B4-BE49-F238E27FC236}">
              <a16:creationId xmlns:a16="http://schemas.microsoft.com/office/drawing/2014/main" id="{B1CAC3C3-E9D0-4B30-9EC9-0EF3FBFC151C}"/>
            </a:ext>
          </a:extLst>
        </xdr:cNvPr>
        <xdr:cNvSpPr/>
      </xdr:nvSpPr>
      <xdr:spPr bwMode="auto">
        <a:xfrm>
          <a:off x="9226550" y="273050"/>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8</xdr:row>
      <xdr:rowOff>0</xdr:rowOff>
    </xdr:from>
    <xdr:ext cx="3732373" cy="1300000"/>
    <xdr:sp macro="" textlink="">
      <xdr:nvSpPr>
        <xdr:cNvPr id="12" name="Object 14" hidden="1">
          <a:extLst>
            <a:ext uri="{63B3BB69-23CF-44E3-9099-C40C66FF867C}">
              <a14:compatExt xmlns:a14="http://schemas.microsoft.com/office/drawing/2010/main" spid="_x0000_s28686"/>
            </a:ext>
            <a:ext uri="{FF2B5EF4-FFF2-40B4-BE49-F238E27FC236}">
              <a16:creationId xmlns:a16="http://schemas.microsoft.com/office/drawing/2014/main" id="{F0A1F068-DC7C-476E-8AD3-A4442F18D9CE}"/>
            </a:ext>
          </a:extLst>
        </xdr:cNvPr>
        <xdr:cNvSpPr/>
      </xdr:nvSpPr>
      <xdr:spPr bwMode="auto">
        <a:xfrm>
          <a:off x="9226550" y="2006600"/>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13" name="Object 14" hidden="1">
          <a:extLst>
            <a:ext uri="{63B3BB69-23CF-44E3-9099-C40C66FF867C}">
              <a14:compatExt xmlns:a14="http://schemas.microsoft.com/office/drawing/2010/main" spid="_x0000_s28686"/>
            </a:ext>
            <a:ext uri="{FF2B5EF4-FFF2-40B4-BE49-F238E27FC236}">
              <a16:creationId xmlns:a16="http://schemas.microsoft.com/office/drawing/2014/main" id="{BC01DB98-8573-42BD-A25B-408A412886B3}"/>
            </a:ext>
          </a:extLst>
        </xdr:cNvPr>
        <xdr:cNvSpPr/>
      </xdr:nvSpPr>
      <xdr:spPr bwMode="auto">
        <a:xfrm>
          <a:off x="9226550" y="273050"/>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7</xdr:row>
      <xdr:rowOff>0</xdr:rowOff>
    </xdr:from>
    <xdr:ext cx="3732373" cy="1300000"/>
    <xdr:sp macro="" textlink="">
      <xdr:nvSpPr>
        <xdr:cNvPr id="14" name="Object 14" hidden="1">
          <a:extLst>
            <a:ext uri="{63B3BB69-23CF-44E3-9099-C40C66FF867C}">
              <a14:compatExt xmlns:a14="http://schemas.microsoft.com/office/drawing/2010/main" spid="_x0000_s28686"/>
            </a:ext>
            <a:ext uri="{FF2B5EF4-FFF2-40B4-BE49-F238E27FC236}">
              <a16:creationId xmlns:a16="http://schemas.microsoft.com/office/drawing/2014/main" id="{D7D707F2-372E-4BAA-A116-DF36E72B06E2}"/>
            </a:ext>
          </a:extLst>
        </xdr:cNvPr>
        <xdr:cNvSpPr/>
      </xdr:nvSpPr>
      <xdr:spPr bwMode="auto">
        <a:xfrm>
          <a:off x="9226550" y="1758950"/>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15" name="Object 14" hidden="1">
          <a:extLst>
            <a:ext uri="{63B3BB69-23CF-44E3-9099-C40C66FF867C}">
              <a14:compatExt xmlns:a14="http://schemas.microsoft.com/office/drawing/2010/main" spid="_x0000_s28686"/>
            </a:ext>
            <a:ext uri="{FF2B5EF4-FFF2-40B4-BE49-F238E27FC236}">
              <a16:creationId xmlns:a16="http://schemas.microsoft.com/office/drawing/2014/main" id="{B095A217-7304-4068-A417-1394E79590DA}"/>
            </a:ext>
          </a:extLst>
        </xdr:cNvPr>
        <xdr:cNvSpPr/>
      </xdr:nvSpPr>
      <xdr:spPr bwMode="auto">
        <a:xfrm>
          <a:off x="9226550" y="273050"/>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6</xdr:row>
      <xdr:rowOff>0</xdr:rowOff>
    </xdr:from>
    <xdr:ext cx="3732373" cy="1300000"/>
    <xdr:sp macro="" textlink="">
      <xdr:nvSpPr>
        <xdr:cNvPr id="16" name="Object 14" hidden="1">
          <a:extLst>
            <a:ext uri="{63B3BB69-23CF-44E3-9099-C40C66FF867C}">
              <a14:compatExt xmlns:a14="http://schemas.microsoft.com/office/drawing/2010/main" spid="_x0000_s28686"/>
            </a:ext>
            <a:ext uri="{FF2B5EF4-FFF2-40B4-BE49-F238E27FC236}">
              <a16:creationId xmlns:a16="http://schemas.microsoft.com/office/drawing/2014/main" id="{91B1B014-D181-4DD7-AE1E-668C26B880EC}"/>
            </a:ext>
          </a:extLst>
        </xdr:cNvPr>
        <xdr:cNvSpPr/>
      </xdr:nvSpPr>
      <xdr:spPr bwMode="auto">
        <a:xfrm>
          <a:off x="9226550" y="1511300"/>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17" name="Object 14" hidden="1">
          <a:extLst>
            <a:ext uri="{63B3BB69-23CF-44E3-9099-C40C66FF867C}">
              <a14:compatExt xmlns:a14="http://schemas.microsoft.com/office/drawing/2010/main" spid="_x0000_s28686"/>
            </a:ext>
            <a:ext uri="{FF2B5EF4-FFF2-40B4-BE49-F238E27FC236}">
              <a16:creationId xmlns:a16="http://schemas.microsoft.com/office/drawing/2014/main" id="{ABBD317E-E2B3-489D-96DD-7E985DC09AA8}"/>
            </a:ext>
          </a:extLst>
        </xdr:cNvPr>
        <xdr:cNvSpPr/>
      </xdr:nvSpPr>
      <xdr:spPr bwMode="auto">
        <a:xfrm>
          <a:off x="9226550" y="273050"/>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5</xdr:row>
      <xdr:rowOff>0</xdr:rowOff>
    </xdr:from>
    <xdr:ext cx="3732373" cy="1300000"/>
    <xdr:sp macro="" textlink="">
      <xdr:nvSpPr>
        <xdr:cNvPr id="18" name="Object 14" hidden="1">
          <a:extLst>
            <a:ext uri="{63B3BB69-23CF-44E3-9099-C40C66FF867C}">
              <a14:compatExt xmlns:a14="http://schemas.microsoft.com/office/drawing/2010/main" spid="_x0000_s28686"/>
            </a:ext>
            <a:ext uri="{FF2B5EF4-FFF2-40B4-BE49-F238E27FC236}">
              <a16:creationId xmlns:a16="http://schemas.microsoft.com/office/drawing/2014/main" id="{70385FEF-A9CD-4BD7-9E91-7BF07E5E5227}"/>
            </a:ext>
          </a:extLst>
        </xdr:cNvPr>
        <xdr:cNvSpPr/>
      </xdr:nvSpPr>
      <xdr:spPr bwMode="auto">
        <a:xfrm>
          <a:off x="9226550" y="1263650"/>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19" name="Object 14" hidden="1">
          <a:extLst>
            <a:ext uri="{63B3BB69-23CF-44E3-9099-C40C66FF867C}">
              <a14:compatExt xmlns:a14="http://schemas.microsoft.com/office/drawing/2010/main" spid="_x0000_s28686"/>
            </a:ext>
            <a:ext uri="{FF2B5EF4-FFF2-40B4-BE49-F238E27FC236}">
              <a16:creationId xmlns:a16="http://schemas.microsoft.com/office/drawing/2014/main" id="{2049E7C0-F0B9-47D3-9D94-006148BB9390}"/>
            </a:ext>
          </a:extLst>
        </xdr:cNvPr>
        <xdr:cNvSpPr/>
      </xdr:nvSpPr>
      <xdr:spPr bwMode="auto">
        <a:xfrm>
          <a:off x="9226550" y="273050"/>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4</xdr:row>
      <xdr:rowOff>0</xdr:rowOff>
    </xdr:from>
    <xdr:ext cx="3732373" cy="1300000"/>
    <xdr:sp macro="" textlink="">
      <xdr:nvSpPr>
        <xdr:cNvPr id="20" name="Object 14" hidden="1">
          <a:extLst>
            <a:ext uri="{63B3BB69-23CF-44E3-9099-C40C66FF867C}">
              <a14:compatExt xmlns:a14="http://schemas.microsoft.com/office/drawing/2010/main" spid="_x0000_s28686"/>
            </a:ext>
            <a:ext uri="{FF2B5EF4-FFF2-40B4-BE49-F238E27FC236}">
              <a16:creationId xmlns:a16="http://schemas.microsoft.com/office/drawing/2014/main" id="{D0134C0A-E875-4E99-A3B1-2D96E7098960}"/>
            </a:ext>
          </a:extLst>
        </xdr:cNvPr>
        <xdr:cNvSpPr/>
      </xdr:nvSpPr>
      <xdr:spPr bwMode="auto">
        <a:xfrm>
          <a:off x="9226550" y="1016000"/>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wsDr>
</file>

<file path=xl/drawings/drawing4.xml><?xml version="1.0" encoding="utf-8"?>
<xdr:wsDr xmlns:xdr="http://schemas.openxmlformats.org/drawingml/2006/spreadsheetDrawing" xmlns:a="http://schemas.openxmlformats.org/drawingml/2006/main">
  <xdr:twoCellAnchor editAs="oneCell">
    <xdr:from>
      <xdr:col>3</xdr:col>
      <xdr:colOff>6178550</xdr:colOff>
      <xdr:row>48</xdr:row>
      <xdr:rowOff>304800</xdr:rowOff>
    </xdr:from>
    <xdr:to>
      <xdr:col>5</xdr:col>
      <xdr:colOff>316197</xdr:colOff>
      <xdr:row>60</xdr:row>
      <xdr:rowOff>1945752</xdr:rowOff>
    </xdr:to>
    <xdr:sp macro="" textlink="">
      <xdr:nvSpPr>
        <xdr:cNvPr id="2" name="Object 14" hidden="1">
          <a:extLst>
            <a:ext uri="{63B3BB69-23CF-44E3-9099-C40C66FF867C}">
              <a14:compatExt xmlns:a14="http://schemas.microsoft.com/office/drawing/2010/main" spid="_x0000_s28686"/>
            </a:ext>
            <a:ext uri="{FF2B5EF4-FFF2-40B4-BE49-F238E27FC236}">
              <a16:creationId xmlns:a16="http://schemas.microsoft.com/office/drawing/2014/main" id="{8F37C097-B16A-465F-86D7-31BF5183415A}"/>
            </a:ext>
          </a:extLst>
        </xdr:cNvPr>
        <xdr:cNvSpPr/>
      </xdr:nvSpPr>
      <xdr:spPr bwMode="auto">
        <a:xfrm>
          <a:off x="10922000" y="52108100"/>
          <a:ext cx="4061213" cy="1285433"/>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twoCellAnchor>
  <xdr:oneCellAnchor>
    <xdr:from>
      <xdr:col>3</xdr:col>
      <xdr:colOff>6178550</xdr:colOff>
      <xdr:row>32</xdr:row>
      <xdr:rowOff>304800</xdr:rowOff>
    </xdr:from>
    <xdr:ext cx="3731873" cy="1274099"/>
    <xdr:sp macro="" textlink="">
      <xdr:nvSpPr>
        <xdr:cNvPr id="3" name="Object 14" hidden="1">
          <a:extLst>
            <a:ext uri="{63B3BB69-23CF-44E3-9099-C40C66FF867C}">
              <a14:compatExt xmlns:a14="http://schemas.microsoft.com/office/drawing/2010/main" spid="_x0000_s28686"/>
            </a:ext>
            <a:ext uri="{FF2B5EF4-FFF2-40B4-BE49-F238E27FC236}">
              <a16:creationId xmlns:a16="http://schemas.microsoft.com/office/drawing/2014/main" id="{FA732518-71B1-4A01-B671-5E57CD2DA968}"/>
            </a:ext>
          </a:extLst>
        </xdr:cNvPr>
        <xdr:cNvSpPr/>
      </xdr:nvSpPr>
      <xdr:spPr bwMode="auto">
        <a:xfrm>
          <a:off x="10922000" y="26149300"/>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49</xdr:row>
      <xdr:rowOff>0</xdr:rowOff>
    </xdr:from>
    <xdr:ext cx="3732373" cy="1300000"/>
    <xdr:sp macro="" textlink="">
      <xdr:nvSpPr>
        <xdr:cNvPr id="4" name="Object 14" hidden="1">
          <a:extLst>
            <a:ext uri="{63B3BB69-23CF-44E3-9099-C40C66FF867C}">
              <a14:compatExt xmlns:a14="http://schemas.microsoft.com/office/drawing/2010/main" spid="_x0000_s28686"/>
            </a:ext>
            <a:ext uri="{FF2B5EF4-FFF2-40B4-BE49-F238E27FC236}">
              <a16:creationId xmlns:a16="http://schemas.microsoft.com/office/drawing/2014/main" id="{0C359A8E-D2F9-4603-893E-49FC4ED05973}"/>
            </a:ext>
          </a:extLst>
        </xdr:cNvPr>
        <xdr:cNvSpPr/>
      </xdr:nvSpPr>
      <xdr:spPr bwMode="auto">
        <a:xfrm>
          <a:off x="10922000" y="53301900"/>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5" name="Object 14" hidden="1">
          <a:extLst>
            <a:ext uri="{63B3BB69-23CF-44E3-9099-C40C66FF867C}">
              <a14:compatExt xmlns:a14="http://schemas.microsoft.com/office/drawing/2010/main" spid="_x0000_s28686"/>
            </a:ext>
            <a:ext uri="{FF2B5EF4-FFF2-40B4-BE49-F238E27FC236}">
              <a16:creationId xmlns:a16="http://schemas.microsoft.com/office/drawing/2014/main" id="{D6B540FF-0548-4D13-BC40-0659CBA69117}"/>
            </a:ext>
          </a:extLst>
        </xdr:cNvPr>
        <xdr:cNvSpPr/>
      </xdr:nvSpPr>
      <xdr:spPr bwMode="auto">
        <a:xfrm>
          <a:off x="9226550" y="6915727"/>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11</xdr:row>
      <xdr:rowOff>0</xdr:rowOff>
    </xdr:from>
    <xdr:ext cx="3732373" cy="1300000"/>
    <xdr:sp macro="" textlink="">
      <xdr:nvSpPr>
        <xdr:cNvPr id="6" name="Object 14" hidden="1">
          <a:extLst>
            <a:ext uri="{63B3BB69-23CF-44E3-9099-C40C66FF867C}">
              <a14:compatExt xmlns:a14="http://schemas.microsoft.com/office/drawing/2010/main" spid="_x0000_s28686"/>
            </a:ext>
            <a:ext uri="{FF2B5EF4-FFF2-40B4-BE49-F238E27FC236}">
              <a16:creationId xmlns:a16="http://schemas.microsoft.com/office/drawing/2014/main" id="{A16B33BF-17A1-4C14-90EB-227EBB172A0A}"/>
            </a:ext>
          </a:extLst>
        </xdr:cNvPr>
        <xdr:cNvSpPr/>
      </xdr:nvSpPr>
      <xdr:spPr bwMode="auto">
        <a:xfrm>
          <a:off x="9226550" y="6915727"/>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7" name="Object 14" hidden="1">
          <a:extLst>
            <a:ext uri="{63B3BB69-23CF-44E3-9099-C40C66FF867C}">
              <a14:compatExt xmlns:a14="http://schemas.microsoft.com/office/drawing/2010/main" spid="_x0000_s28686"/>
            </a:ext>
            <a:ext uri="{FF2B5EF4-FFF2-40B4-BE49-F238E27FC236}">
              <a16:creationId xmlns:a16="http://schemas.microsoft.com/office/drawing/2014/main" id="{D75D8C4E-0864-41A9-B57D-C02F4A229648}"/>
            </a:ext>
          </a:extLst>
        </xdr:cNvPr>
        <xdr:cNvSpPr/>
      </xdr:nvSpPr>
      <xdr:spPr bwMode="auto">
        <a:xfrm>
          <a:off x="9226550" y="6915727"/>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10</xdr:row>
      <xdr:rowOff>0</xdr:rowOff>
    </xdr:from>
    <xdr:ext cx="3732373" cy="1300000"/>
    <xdr:sp macro="" textlink="">
      <xdr:nvSpPr>
        <xdr:cNvPr id="8" name="Object 14" hidden="1">
          <a:extLst>
            <a:ext uri="{63B3BB69-23CF-44E3-9099-C40C66FF867C}">
              <a14:compatExt xmlns:a14="http://schemas.microsoft.com/office/drawing/2010/main" spid="_x0000_s28686"/>
            </a:ext>
            <a:ext uri="{FF2B5EF4-FFF2-40B4-BE49-F238E27FC236}">
              <a16:creationId xmlns:a16="http://schemas.microsoft.com/office/drawing/2014/main" id="{03ECA6AD-893B-40F6-919D-E3FEB407C8C8}"/>
            </a:ext>
          </a:extLst>
        </xdr:cNvPr>
        <xdr:cNvSpPr/>
      </xdr:nvSpPr>
      <xdr:spPr bwMode="auto">
        <a:xfrm>
          <a:off x="9226550" y="6915727"/>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9" name="Object 14" hidden="1">
          <a:extLst>
            <a:ext uri="{63B3BB69-23CF-44E3-9099-C40C66FF867C}">
              <a14:compatExt xmlns:a14="http://schemas.microsoft.com/office/drawing/2010/main" spid="_x0000_s28686"/>
            </a:ext>
            <a:ext uri="{FF2B5EF4-FFF2-40B4-BE49-F238E27FC236}">
              <a16:creationId xmlns:a16="http://schemas.microsoft.com/office/drawing/2014/main" id="{484E80ED-570A-4C08-B4B9-F7674CBB23EF}"/>
            </a:ext>
          </a:extLst>
        </xdr:cNvPr>
        <xdr:cNvSpPr/>
      </xdr:nvSpPr>
      <xdr:spPr bwMode="auto">
        <a:xfrm>
          <a:off x="9226550" y="6915727"/>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9</xdr:row>
      <xdr:rowOff>0</xdr:rowOff>
    </xdr:from>
    <xdr:ext cx="3732373" cy="1300000"/>
    <xdr:sp macro="" textlink="">
      <xdr:nvSpPr>
        <xdr:cNvPr id="10" name="Object 14" hidden="1">
          <a:extLst>
            <a:ext uri="{63B3BB69-23CF-44E3-9099-C40C66FF867C}">
              <a14:compatExt xmlns:a14="http://schemas.microsoft.com/office/drawing/2010/main" spid="_x0000_s28686"/>
            </a:ext>
            <a:ext uri="{FF2B5EF4-FFF2-40B4-BE49-F238E27FC236}">
              <a16:creationId xmlns:a16="http://schemas.microsoft.com/office/drawing/2014/main" id="{462FB7E1-DBE8-4C7D-8EFA-A5ED4CE53578}"/>
            </a:ext>
          </a:extLst>
        </xdr:cNvPr>
        <xdr:cNvSpPr/>
      </xdr:nvSpPr>
      <xdr:spPr bwMode="auto">
        <a:xfrm>
          <a:off x="9226550" y="6915727"/>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11" name="Object 14" hidden="1">
          <a:extLst>
            <a:ext uri="{63B3BB69-23CF-44E3-9099-C40C66FF867C}">
              <a14:compatExt xmlns:a14="http://schemas.microsoft.com/office/drawing/2010/main" spid="_x0000_s28686"/>
            </a:ext>
            <a:ext uri="{FF2B5EF4-FFF2-40B4-BE49-F238E27FC236}">
              <a16:creationId xmlns:a16="http://schemas.microsoft.com/office/drawing/2014/main" id="{59CC3584-5D1E-4509-A2F4-CD9ACF7218D0}"/>
            </a:ext>
          </a:extLst>
        </xdr:cNvPr>
        <xdr:cNvSpPr/>
      </xdr:nvSpPr>
      <xdr:spPr bwMode="auto">
        <a:xfrm>
          <a:off x="9226550" y="6915727"/>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8</xdr:row>
      <xdr:rowOff>0</xdr:rowOff>
    </xdr:from>
    <xdr:ext cx="3732373" cy="1300000"/>
    <xdr:sp macro="" textlink="">
      <xdr:nvSpPr>
        <xdr:cNvPr id="12" name="Object 14" hidden="1">
          <a:extLst>
            <a:ext uri="{63B3BB69-23CF-44E3-9099-C40C66FF867C}">
              <a14:compatExt xmlns:a14="http://schemas.microsoft.com/office/drawing/2010/main" spid="_x0000_s28686"/>
            </a:ext>
            <a:ext uri="{FF2B5EF4-FFF2-40B4-BE49-F238E27FC236}">
              <a16:creationId xmlns:a16="http://schemas.microsoft.com/office/drawing/2014/main" id="{4DDA8245-EF46-4D60-9E24-CA231F1A6BF5}"/>
            </a:ext>
          </a:extLst>
        </xdr:cNvPr>
        <xdr:cNvSpPr/>
      </xdr:nvSpPr>
      <xdr:spPr bwMode="auto">
        <a:xfrm>
          <a:off x="9226550" y="6915727"/>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13" name="Object 14" hidden="1">
          <a:extLst>
            <a:ext uri="{63B3BB69-23CF-44E3-9099-C40C66FF867C}">
              <a14:compatExt xmlns:a14="http://schemas.microsoft.com/office/drawing/2010/main" spid="_x0000_s28686"/>
            </a:ext>
            <a:ext uri="{FF2B5EF4-FFF2-40B4-BE49-F238E27FC236}">
              <a16:creationId xmlns:a16="http://schemas.microsoft.com/office/drawing/2014/main" id="{D910F312-B854-48B8-89B4-88DB3844FB09}"/>
            </a:ext>
          </a:extLst>
        </xdr:cNvPr>
        <xdr:cNvSpPr/>
      </xdr:nvSpPr>
      <xdr:spPr bwMode="auto">
        <a:xfrm>
          <a:off x="9226550" y="6915727"/>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7</xdr:row>
      <xdr:rowOff>0</xdr:rowOff>
    </xdr:from>
    <xdr:ext cx="3732373" cy="1300000"/>
    <xdr:sp macro="" textlink="">
      <xdr:nvSpPr>
        <xdr:cNvPr id="14" name="Object 14" hidden="1">
          <a:extLst>
            <a:ext uri="{63B3BB69-23CF-44E3-9099-C40C66FF867C}">
              <a14:compatExt xmlns:a14="http://schemas.microsoft.com/office/drawing/2010/main" spid="_x0000_s28686"/>
            </a:ext>
            <a:ext uri="{FF2B5EF4-FFF2-40B4-BE49-F238E27FC236}">
              <a16:creationId xmlns:a16="http://schemas.microsoft.com/office/drawing/2014/main" id="{A39D6B69-E9A1-4866-A0D3-F3D2419C9A20}"/>
            </a:ext>
          </a:extLst>
        </xdr:cNvPr>
        <xdr:cNvSpPr/>
      </xdr:nvSpPr>
      <xdr:spPr bwMode="auto">
        <a:xfrm>
          <a:off x="9226550" y="6915727"/>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15" name="Object 14" hidden="1">
          <a:extLst>
            <a:ext uri="{63B3BB69-23CF-44E3-9099-C40C66FF867C}">
              <a14:compatExt xmlns:a14="http://schemas.microsoft.com/office/drawing/2010/main" spid="_x0000_s28686"/>
            </a:ext>
            <a:ext uri="{FF2B5EF4-FFF2-40B4-BE49-F238E27FC236}">
              <a16:creationId xmlns:a16="http://schemas.microsoft.com/office/drawing/2014/main" id="{ECB55BDE-F3A3-4110-BED5-FC2B91AFAA97}"/>
            </a:ext>
          </a:extLst>
        </xdr:cNvPr>
        <xdr:cNvSpPr/>
      </xdr:nvSpPr>
      <xdr:spPr bwMode="auto">
        <a:xfrm>
          <a:off x="9226550" y="6915727"/>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6</xdr:row>
      <xdr:rowOff>0</xdr:rowOff>
    </xdr:from>
    <xdr:ext cx="3732373" cy="1300000"/>
    <xdr:sp macro="" textlink="">
      <xdr:nvSpPr>
        <xdr:cNvPr id="16" name="Object 14" hidden="1">
          <a:extLst>
            <a:ext uri="{63B3BB69-23CF-44E3-9099-C40C66FF867C}">
              <a14:compatExt xmlns:a14="http://schemas.microsoft.com/office/drawing/2010/main" spid="_x0000_s28686"/>
            </a:ext>
            <a:ext uri="{FF2B5EF4-FFF2-40B4-BE49-F238E27FC236}">
              <a16:creationId xmlns:a16="http://schemas.microsoft.com/office/drawing/2014/main" id="{82599E03-21AB-49CD-A236-4D8787A1E2A7}"/>
            </a:ext>
          </a:extLst>
        </xdr:cNvPr>
        <xdr:cNvSpPr/>
      </xdr:nvSpPr>
      <xdr:spPr bwMode="auto">
        <a:xfrm>
          <a:off x="9226550" y="6915727"/>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17" name="Object 14" hidden="1">
          <a:extLst>
            <a:ext uri="{63B3BB69-23CF-44E3-9099-C40C66FF867C}">
              <a14:compatExt xmlns:a14="http://schemas.microsoft.com/office/drawing/2010/main" spid="_x0000_s28686"/>
            </a:ext>
            <a:ext uri="{FF2B5EF4-FFF2-40B4-BE49-F238E27FC236}">
              <a16:creationId xmlns:a16="http://schemas.microsoft.com/office/drawing/2014/main" id="{765D8BD5-34FA-4545-8822-FEECC4BD6BD2}"/>
            </a:ext>
          </a:extLst>
        </xdr:cNvPr>
        <xdr:cNvSpPr/>
      </xdr:nvSpPr>
      <xdr:spPr bwMode="auto">
        <a:xfrm>
          <a:off x="9226550" y="6915727"/>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5</xdr:row>
      <xdr:rowOff>0</xdr:rowOff>
    </xdr:from>
    <xdr:ext cx="3732373" cy="1300000"/>
    <xdr:sp macro="" textlink="">
      <xdr:nvSpPr>
        <xdr:cNvPr id="18" name="Object 14" hidden="1">
          <a:extLst>
            <a:ext uri="{63B3BB69-23CF-44E3-9099-C40C66FF867C}">
              <a14:compatExt xmlns:a14="http://schemas.microsoft.com/office/drawing/2010/main" spid="_x0000_s28686"/>
            </a:ext>
            <a:ext uri="{FF2B5EF4-FFF2-40B4-BE49-F238E27FC236}">
              <a16:creationId xmlns:a16="http://schemas.microsoft.com/office/drawing/2014/main" id="{58FBB0AB-FE95-4784-8090-D5D878E4CFCC}"/>
            </a:ext>
          </a:extLst>
        </xdr:cNvPr>
        <xdr:cNvSpPr/>
      </xdr:nvSpPr>
      <xdr:spPr bwMode="auto">
        <a:xfrm>
          <a:off x="9226550" y="6915727"/>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0</xdr:row>
      <xdr:rowOff>304800</xdr:rowOff>
    </xdr:from>
    <xdr:ext cx="3731873" cy="1274099"/>
    <xdr:sp macro="" textlink="">
      <xdr:nvSpPr>
        <xdr:cNvPr id="19" name="Object 14" hidden="1">
          <a:extLst>
            <a:ext uri="{63B3BB69-23CF-44E3-9099-C40C66FF867C}">
              <a14:compatExt xmlns:a14="http://schemas.microsoft.com/office/drawing/2010/main" spid="_x0000_s28686"/>
            </a:ext>
            <a:ext uri="{FF2B5EF4-FFF2-40B4-BE49-F238E27FC236}">
              <a16:creationId xmlns:a16="http://schemas.microsoft.com/office/drawing/2014/main" id="{E11B1AF4-C7CC-4C70-ACEF-7708B4C313C1}"/>
            </a:ext>
          </a:extLst>
        </xdr:cNvPr>
        <xdr:cNvSpPr/>
      </xdr:nvSpPr>
      <xdr:spPr bwMode="auto">
        <a:xfrm>
          <a:off x="9226550" y="6915727"/>
          <a:ext cx="3731873" cy="1274099"/>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oneCellAnchor>
    <xdr:from>
      <xdr:col>3</xdr:col>
      <xdr:colOff>6178550</xdr:colOff>
      <xdr:row>4</xdr:row>
      <xdr:rowOff>0</xdr:rowOff>
    </xdr:from>
    <xdr:ext cx="3732373" cy="1300000"/>
    <xdr:sp macro="" textlink="">
      <xdr:nvSpPr>
        <xdr:cNvPr id="20" name="Object 14" hidden="1">
          <a:extLst>
            <a:ext uri="{63B3BB69-23CF-44E3-9099-C40C66FF867C}">
              <a14:compatExt xmlns:a14="http://schemas.microsoft.com/office/drawing/2010/main" spid="_x0000_s28686"/>
            </a:ext>
            <a:ext uri="{FF2B5EF4-FFF2-40B4-BE49-F238E27FC236}">
              <a16:creationId xmlns:a16="http://schemas.microsoft.com/office/drawing/2014/main" id="{3B399F07-AE12-450F-A703-C57D1EDE1888}"/>
            </a:ext>
          </a:extLst>
        </xdr:cNvPr>
        <xdr:cNvSpPr/>
      </xdr:nvSpPr>
      <xdr:spPr bwMode="auto">
        <a:xfrm>
          <a:off x="9226550" y="6915727"/>
          <a:ext cx="3732373" cy="1300000"/>
        </a:xfrm>
        <a:prstGeom prst="rect">
          <a:avLst/>
        </a:prstGeom>
        <a:solidFill>
          <a:srgbClr xmlns:mc="http://schemas.openxmlformats.org/markup-compatibility/2006" xmlns:a14="http://schemas.microsoft.com/office/drawing/2010/main" val="FFFFFF" mc:Ignorable="a14" a14:legacySpreadsheetColorIndex="65"/>
        </a:solidFill>
        <a:ln w="9525">
          <a:solidFill>
            <a:srgbClr xmlns:mc="http://schemas.openxmlformats.org/markup-compatibility/2006" xmlns:a14="http://schemas.microsoft.com/office/drawing/2010/main" val="000000" mc:Ignorable="a14" a14:legacySpreadsheetColorIndex="64"/>
          </a:solidFill>
          <a:miter lim="800000"/>
          <a:headEnd/>
          <a:tailEnd/>
        </a:ln>
      </xdr:spPr>
    </xdr:sp>
    <xdr:clientData/>
  </xdr:oneCellAnchor>
</xdr:wsDr>
</file>

<file path=xl/theme/theme1.xml><?xml version="1.0" encoding="utf-8"?>
<a:theme xmlns:a="http://schemas.openxmlformats.org/drawingml/2006/main" name="Office Theme">
  <a:themeElements>
    <a:clrScheme name="Efficio">
      <a:dk1>
        <a:srgbClr val="0D2240"/>
      </a:dk1>
      <a:lt1>
        <a:srgbClr val="FFFFFF"/>
      </a:lt1>
      <a:dk2>
        <a:srgbClr val="001969"/>
      </a:dk2>
      <a:lt2>
        <a:srgbClr val="FFFFFF"/>
      </a:lt2>
      <a:accent1>
        <a:srgbClr val="003B40"/>
      </a:accent1>
      <a:accent2>
        <a:srgbClr val="502B3A"/>
      </a:accent2>
      <a:accent3>
        <a:srgbClr val="FC5C48"/>
      </a:accent3>
      <a:accent4>
        <a:srgbClr val="00BD9E"/>
      </a:accent4>
      <a:accent5>
        <a:srgbClr val="999999"/>
      </a:accent5>
      <a:accent6>
        <a:srgbClr val="F6F6F6"/>
      </a:accent6>
      <a:hlink>
        <a:srgbClr val="0563C1"/>
      </a:hlink>
      <a:folHlink>
        <a:srgbClr val="002060"/>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3" Type="http://schemas.openxmlformats.org/officeDocument/2006/relationships/vmlDrawing" Target="../drawings/vmlDrawing1.vml"/><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drawing" Target="../drawings/drawing2.xml"/></Relationships>
</file>

<file path=xl/worksheets/_rels/sheet3.xml.rels><?xml version="1.0" encoding="UTF-8" standalone="yes"?>
<Relationships xmlns="http://schemas.openxmlformats.org/package/2006/relationships"><Relationship Id="rId1" Type="http://schemas.openxmlformats.org/officeDocument/2006/relationships/drawing" Target="../drawings/drawing3.xml"/></Relationships>
</file>

<file path=xl/worksheets/_rels/sheet4.xml.rels><?xml version="1.0" encoding="UTF-8" standalone="yes"?>
<Relationships xmlns="http://schemas.openxmlformats.org/package/2006/relationships"><Relationship Id="rId1" Type="http://schemas.openxmlformats.org/officeDocument/2006/relationships/drawing" Target="../drawings/drawing4.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pageSetUpPr fitToPage="1"/>
  </sheetPr>
  <dimension ref="B1:K44"/>
  <sheetViews>
    <sheetView showGridLines="0" defaultGridColor="0" colorId="18" zoomScale="70" zoomScaleNormal="70" workbookViewId="0">
      <selection activeCell="M9" sqref="M9"/>
    </sheetView>
  </sheetViews>
  <sheetFormatPr defaultColWidth="8.54296875" defaultRowHeight="21.5" zeroHeight="1" x14ac:dyDescent="0.35"/>
  <cols>
    <col min="1" max="1" width="1.81640625" style="2" customWidth="1"/>
    <col min="2" max="2" width="12.54296875" style="2" customWidth="1"/>
    <col min="3" max="3" width="36.7265625" style="3" customWidth="1"/>
    <col min="4" max="5" width="20.54296875" style="3" customWidth="1"/>
    <col min="6" max="6" width="24.81640625" style="2" customWidth="1"/>
    <col min="7" max="7" width="16.453125" style="6" customWidth="1"/>
    <col min="8" max="11" width="16.453125" style="3" customWidth="1"/>
    <col min="12" max="16384" width="8.54296875" style="2"/>
  </cols>
  <sheetData>
    <row r="1" spans="2:11" ht="11.25" customHeight="1" x14ac:dyDescent="0.35">
      <c r="G1" s="2"/>
    </row>
    <row r="2" spans="2:11" ht="27.5" x14ac:dyDescent="0.35">
      <c r="B2" s="4" t="s">
        <v>93</v>
      </c>
      <c r="G2" s="2"/>
    </row>
    <row r="3" spans="2:11" ht="23" x14ac:dyDescent="0.35">
      <c r="B3" s="5" t="s">
        <v>0</v>
      </c>
      <c r="D3" s="42"/>
      <c r="E3" s="42"/>
      <c r="F3" s="42"/>
      <c r="G3" s="42"/>
      <c r="H3" s="42"/>
      <c r="I3" s="42"/>
      <c r="J3" s="42"/>
      <c r="K3" s="42"/>
    </row>
    <row r="4" spans="2:11" ht="10" customHeight="1" x14ac:dyDescent="0.35">
      <c r="D4" s="42"/>
      <c r="E4" s="42"/>
      <c r="F4" s="42"/>
      <c r="G4" s="42"/>
      <c r="H4" s="42"/>
      <c r="I4" s="42"/>
      <c r="J4" s="42"/>
      <c r="K4" s="42"/>
    </row>
    <row r="5" spans="2:11" x14ac:dyDescent="0.35">
      <c r="B5" s="43" t="s">
        <v>101</v>
      </c>
      <c r="C5" s="43"/>
      <c r="D5" s="43"/>
      <c r="E5" s="43"/>
      <c r="F5" s="43"/>
      <c r="G5" s="43"/>
      <c r="H5" s="43"/>
      <c r="I5" s="43"/>
      <c r="J5" s="43"/>
      <c r="K5" s="43"/>
    </row>
    <row r="6" spans="2:11" x14ac:dyDescent="0.35">
      <c r="B6" s="43"/>
      <c r="C6" s="43"/>
      <c r="D6" s="43"/>
      <c r="E6" s="43"/>
      <c r="F6" s="43"/>
      <c r="G6" s="43"/>
      <c r="H6" s="43"/>
      <c r="I6" s="43"/>
      <c r="J6" s="43"/>
      <c r="K6" s="43"/>
    </row>
    <row r="7" spans="2:11" s="3" customFormat="1" x14ac:dyDescent="0.35">
      <c r="B7" s="43"/>
      <c r="C7" s="43"/>
      <c r="D7" s="43"/>
      <c r="E7" s="43"/>
      <c r="F7" s="43"/>
      <c r="G7" s="43"/>
      <c r="H7" s="43"/>
      <c r="I7" s="43"/>
      <c r="J7" s="43"/>
      <c r="K7" s="43"/>
    </row>
    <row r="8" spans="2:11" s="3" customFormat="1" x14ac:dyDescent="0.35">
      <c r="B8" s="43"/>
      <c r="C8" s="43"/>
      <c r="D8" s="43"/>
      <c r="E8" s="43"/>
      <c r="F8" s="43"/>
      <c r="G8" s="43"/>
      <c r="H8" s="43"/>
      <c r="I8" s="43"/>
      <c r="J8" s="43"/>
      <c r="K8" s="43"/>
    </row>
    <row r="9" spans="2:11" s="3" customFormat="1" x14ac:dyDescent="0.35">
      <c r="B9" s="43"/>
      <c r="C9" s="43"/>
      <c r="D9" s="43"/>
      <c r="E9" s="43"/>
      <c r="F9" s="43"/>
      <c r="G9" s="43"/>
      <c r="H9" s="43"/>
      <c r="I9" s="43"/>
      <c r="J9" s="43"/>
      <c r="K9" s="43"/>
    </row>
    <row r="10" spans="2:11" s="3" customFormat="1" x14ac:dyDescent="0.35">
      <c r="B10" s="43"/>
      <c r="C10" s="43"/>
      <c r="D10" s="43"/>
      <c r="E10" s="43"/>
      <c r="F10" s="43"/>
      <c r="G10" s="43"/>
      <c r="H10" s="43"/>
      <c r="I10" s="43"/>
      <c r="J10" s="43"/>
      <c r="K10" s="43"/>
    </row>
    <row r="11" spans="2:11" s="3" customFormat="1" x14ac:dyDescent="0.35">
      <c r="B11" s="43"/>
      <c r="C11" s="43"/>
      <c r="D11" s="43"/>
      <c r="E11" s="43"/>
      <c r="F11" s="43"/>
      <c r="G11" s="43"/>
      <c r="H11" s="43"/>
      <c r="I11" s="43"/>
      <c r="J11" s="43"/>
      <c r="K11" s="43"/>
    </row>
    <row r="12" spans="2:11" s="3" customFormat="1" x14ac:dyDescent="0.35">
      <c r="B12" s="43"/>
      <c r="C12" s="43"/>
      <c r="D12" s="43"/>
      <c r="E12" s="43"/>
      <c r="F12" s="43"/>
      <c r="G12" s="43"/>
      <c r="H12" s="43"/>
      <c r="I12" s="43"/>
      <c r="J12" s="43"/>
      <c r="K12" s="43"/>
    </row>
    <row r="13" spans="2:11" s="3" customFormat="1" x14ac:dyDescent="0.35">
      <c r="B13" s="43"/>
      <c r="C13" s="43"/>
      <c r="D13" s="43"/>
      <c r="E13" s="43"/>
      <c r="F13" s="43"/>
      <c r="G13" s="43"/>
      <c r="H13" s="43"/>
      <c r="I13" s="43"/>
      <c r="J13" s="43"/>
      <c r="K13" s="43"/>
    </row>
    <row r="14" spans="2:11" s="3" customFormat="1" x14ac:dyDescent="0.35">
      <c r="B14" s="43"/>
      <c r="C14" s="43"/>
      <c r="D14" s="43"/>
      <c r="E14" s="43"/>
      <c r="F14" s="43"/>
      <c r="G14" s="43"/>
      <c r="H14" s="43"/>
      <c r="I14" s="43"/>
      <c r="J14" s="43"/>
      <c r="K14" s="43"/>
    </row>
    <row r="15" spans="2:11" s="3" customFormat="1" x14ac:dyDescent="0.35">
      <c r="B15" s="43"/>
      <c r="C15" s="43"/>
      <c r="D15" s="43"/>
      <c r="E15" s="43"/>
      <c r="F15" s="43"/>
      <c r="G15" s="43"/>
      <c r="H15" s="43"/>
      <c r="I15" s="43"/>
      <c r="J15" s="43"/>
      <c r="K15" s="43"/>
    </row>
    <row r="16" spans="2:11" x14ac:dyDescent="0.35">
      <c r="B16" s="43"/>
      <c r="C16" s="43"/>
      <c r="D16" s="43"/>
      <c r="E16" s="43"/>
      <c r="F16" s="43"/>
      <c r="G16" s="43"/>
      <c r="H16" s="43"/>
      <c r="I16" s="43"/>
      <c r="J16" s="43"/>
      <c r="K16" s="43"/>
    </row>
    <row r="17" spans="2:11" x14ac:dyDescent="0.35">
      <c r="B17" s="43"/>
      <c r="C17" s="43"/>
      <c r="D17" s="43"/>
      <c r="E17" s="43"/>
      <c r="F17" s="43"/>
      <c r="G17" s="43"/>
      <c r="H17" s="43"/>
      <c r="I17" s="43"/>
      <c r="J17" s="43"/>
      <c r="K17" s="43"/>
    </row>
    <row r="18" spans="2:11" x14ac:dyDescent="0.35">
      <c r="B18" s="43"/>
      <c r="C18" s="43"/>
      <c r="D18" s="43"/>
      <c r="E18" s="43"/>
      <c r="F18" s="43"/>
      <c r="G18" s="43"/>
      <c r="H18" s="43"/>
      <c r="I18" s="43"/>
      <c r="J18" s="43"/>
      <c r="K18" s="43"/>
    </row>
    <row r="19" spans="2:11" x14ac:dyDescent="0.35">
      <c r="B19" s="43"/>
      <c r="C19" s="43"/>
      <c r="D19" s="43"/>
      <c r="E19" s="43"/>
      <c r="F19" s="43"/>
      <c r="G19" s="43"/>
      <c r="H19" s="43"/>
      <c r="I19" s="43"/>
      <c r="J19" s="43"/>
      <c r="K19" s="43"/>
    </row>
    <row r="20" spans="2:11" x14ac:dyDescent="0.35">
      <c r="B20" s="43"/>
      <c r="C20" s="43"/>
      <c r="D20" s="43"/>
      <c r="E20" s="43"/>
      <c r="F20" s="43"/>
      <c r="G20" s="43"/>
      <c r="H20" s="43"/>
      <c r="I20" s="43"/>
      <c r="J20" s="43"/>
      <c r="K20" s="43"/>
    </row>
    <row r="21" spans="2:11" x14ac:dyDescent="0.35">
      <c r="B21" s="43"/>
      <c r="C21" s="43"/>
      <c r="D21" s="43"/>
      <c r="E21" s="43"/>
      <c r="F21" s="43"/>
      <c r="G21" s="43"/>
      <c r="H21" s="43"/>
      <c r="I21" s="43"/>
      <c r="J21" s="43"/>
      <c r="K21" s="43"/>
    </row>
    <row r="22" spans="2:11" x14ac:dyDescent="0.35">
      <c r="B22" s="43"/>
      <c r="C22" s="43"/>
      <c r="D22" s="43"/>
      <c r="E22" s="43"/>
      <c r="F22" s="43"/>
      <c r="G22" s="43"/>
      <c r="H22" s="43"/>
      <c r="I22" s="43"/>
      <c r="J22" s="43"/>
      <c r="K22" s="43"/>
    </row>
    <row r="23" spans="2:11" x14ac:dyDescent="0.35">
      <c r="B23" s="43"/>
      <c r="C23" s="43"/>
      <c r="D23" s="43"/>
      <c r="E23" s="43"/>
      <c r="F23" s="43"/>
      <c r="G23" s="43"/>
      <c r="H23" s="43"/>
      <c r="I23" s="43"/>
      <c r="J23" s="43"/>
      <c r="K23" s="43"/>
    </row>
    <row r="24" spans="2:11" x14ac:dyDescent="0.35">
      <c r="B24" s="43"/>
      <c r="C24" s="43"/>
      <c r="D24" s="43"/>
      <c r="E24" s="43"/>
      <c r="F24" s="43"/>
      <c r="G24" s="43"/>
      <c r="H24" s="43"/>
      <c r="I24" s="43"/>
      <c r="J24" s="43"/>
      <c r="K24" s="43"/>
    </row>
    <row r="25" spans="2:11" x14ac:dyDescent="0.35">
      <c r="B25" s="43"/>
      <c r="C25" s="43"/>
      <c r="D25" s="43"/>
      <c r="E25" s="43"/>
      <c r="F25" s="43"/>
      <c r="G25" s="43"/>
      <c r="H25" s="43"/>
      <c r="I25" s="43"/>
      <c r="J25" s="43"/>
      <c r="K25" s="43"/>
    </row>
    <row r="26" spans="2:11" x14ac:dyDescent="0.35">
      <c r="B26" s="43"/>
      <c r="C26" s="43"/>
      <c r="D26" s="43"/>
      <c r="E26" s="43"/>
      <c r="F26" s="43"/>
      <c r="G26" s="43"/>
      <c r="H26" s="43"/>
      <c r="I26" s="43"/>
      <c r="J26" s="43"/>
      <c r="K26" s="43"/>
    </row>
    <row r="27" spans="2:11" x14ac:dyDescent="0.35">
      <c r="B27" s="43"/>
      <c r="C27" s="43"/>
      <c r="D27" s="43"/>
      <c r="E27" s="43"/>
      <c r="F27" s="43"/>
      <c r="G27" s="43"/>
      <c r="H27" s="43"/>
      <c r="I27" s="43"/>
      <c r="J27" s="43"/>
      <c r="K27" s="43"/>
    </row>
    <row r="28" spans="2:11" x14ac:dyDescent="0.35">
      <c r="B28" s="43"/>
      <c r="C28" s="43"/>
      <c r="D28" s="43"/>
      <c r="E28" s="43"/>
      <c r="F28" s="43"/>
      <c r="G28" s="43"/>
      <c r="H28" s="43"/>
      <c r="I28" s="43"/>
      <c r="J28" s="43"/>
      <c r="K28" s="43"/>
    </row>
    <row r="29" spans="2:11" x14ac:dyDescent="0.35">
      <c r="B29" s="43"/>
      <c r="C29" s="43"/>
      <c r="D29" s="43"/>
      <c r="E29" s="43"/>
      <c r="F29" s="43"/>
      <c r="G29" s="43"/>
      <c r="H29" s="43"/>
      <c r="I29" s="43"/>
      <c r="J29" s="43"/>
      <c r="K29" s="43"/>
    </row>
    <row r="30" spans="2:11" x14ac:dyDescent="0.35">
      <c r="B30" s="43"/>
      <c r="C30" s="43"/>
      <c r="D30" s="43"/>
      <c r="E30" s="43"/>
      <c r="F30" s="43"/>
      <c r="G30" s="43"/>
      <c r="H30" s="43"/>
      <c r="I30" s="43"/>
      <c r="J30" s="43"/>
      <c r="K30" s="43"/>
    </row>
    <row r="31" spans="2:11" x14ac:dyDescent="0.35">
      <c r="B31" s="43"/>
      <c r="C31" s="43"/>
      <c r="D31" s="43"/>
      <c r="E31" s="43"/>
      <c r="F31" s="43"/>
      <c r="G31" s="43"/>
      <c r="H31" s="43"/>
      <c r="I31" s="43"/>
      <c r="J31" s="43"/>
      <c r="K31" s="43"/>
    </row>
    <row r="32" spans="2:11" x14ac:dyDescent="0.35">
      <c r="B32" s="43"/>
      <c r="C32" s="43"/>
      <c r="D32" s="43"/>
      <c r="E32" s="43"/>
      <c r="F32" s="43"/>
      <c r="G32" s="43"/>
      <c r="H32" s="43"/>
      <c r="I32" s="43"/>
      <c r="J32" s="43"/>
      <c r="K32" s="43"/>
    </row>
    <row r="33" spans="2:11" x14ac:dyDescent="0.35">
      <c r="B33" s="43"/>
      <c r="C33" s="43"/>
      <c r="D33" s="43"/>
      <c r="E33" s="43"/>
      <c r="F33" s="43"/>
      <c r="G33" s="43"/>
      <c r="H33" s="43"/>
      <c r="I33" s="43"/>
      <c r="J33" s="43"/>
      <c r="K33" s="43"/>
    </row>
    <row r="34" spans="2:11" x14ac:dyDescent="0.35">
      <c r="B34" s="43"/>
      <c r="C34" s="43"/>
      <c r="D34" s="43"/>
      <c r="E34" s="43"/>
      <c r="F34" s="43"/>
      <c r="G34" s="43"/>
      <c r="H34" s="43"/>
      <c r="I34" s="43"/>
      <c r="J34" s="43"/>
      <c r="K34" s="43"/>
    </row>
    <row r="35" spans="2:11" x14ac:dyDescent="0.35">
      <c r="B35" s="43"/>
      <c r="C35" s="43"/>
      <c r="D35" s="43"/>
      <c r="E35" s="43"/>
      <c r="F35" s="43"/>
      <c r="G35" s="43"/>
      <c r="H35" s="43"/>
      <c r="I35" s="43"/>
      <c r="J35" s="43"/>
      <c r="K35" s="43"/>
    </row>
    <row r="36" spans="2:11" x14ac:dyDescent="0.35">
      <c r="B36" s="43"/>
      <c r="C36" s="43"/>
      <c r="D36" s="43"/>
      <c r="E36" s="43"/>
      <c r="F36" s="43"/>
      <c r="G36" s="43"/>
      <c r="H36" s="43"/>
      <c r="I36" s="43"/>
      <c r="J36" s="43"/>
      <c r="K36" s="43"/>
    </row>
    <row r="37" spans="2:11" x14ac:dyDescent="0.35">
      <c r="E37" s="2"/>
      <c r="F37" s="6"/>
      <c r="G37" s="3"/>
    </row>
    <row r="38" spans="2:11" x14ac:dyDescent="0.35">
      <c r="E38" s="2"/>
      <c r="F38" s="3"/>
      <c r="G38" s="3"/>
    </row>
    <row r="39" spans="2:11" x14ac:dyDescent="0.35">
      <c r="E39" s="2"/>
      <c r="F39" s="3"/>
      <c r="G39" s="3"/>
    </row>
    <row r="40" spans="2:11" x14ac:dyDescent="0.35">
      <c r="E40" s="2"/>
      <c r="F40" s="3"/>
      <c r="G40" s="3"/>
    </row>
    <row r="41" spans="2:11" x14ac:dyDescent="0.35">
      <c r="E41" s="2"/>
      <c r="F41" s="3"/>
      <c r="G41" s="3"/>
    </row>
    <row r="42" spans="2:11" x14ac:dyDescent="0.35">
      <c r="E42" s="2"/>
      <c r="F42" s="3"/>
      <c r="G42" s="3"/>
    </row>
    <row r="43" spans="2:11" x14ac:dyDescent="0.35">
      <c r="E43" s="2"/>
      <c r="F43" s="3"/>
      <c r="G43" s="3"/>
    </row>
    <row r="44" spans="2:11" x14ac:dyDescent="0.35">
      <c r="E44" s="2"/>
      <c r="F44" s="3"/>
      <c r="G44" s="3"/>
    </row>
  </sheetData>
  <sheetProtection algorithmName="SHA-512" hashValue="avEqfIrXKQ737GzrHoFm0mtrzNPXVaU1/PcvnTNNaYm88MjgugE8+ORuO6Fd4T8xGNye5Y/NUYlIE+C2nWRN5w==" saltValue="7BN9S79zrrlWpqSwrs5zzg==" spinCount="100000" sheet="1" objects="1" scenarios="1"/>
  <mergeCells count="5">
    <mergeCell ref="D3:E3"/>
    <mergeCell ref="F3:K3"/>
    <mergeCell ref="D4:E4"/>
    <mergeCell ref="F4:K4"/>
    <mergeCell ref="B5:K36"/>
  </mergeCells>
  <pageMargins left="0.74803149606299202" right="0.47244094488189003" top="0.94488188976378007" bottom="0.94488188976378007" header="0.47244094488189003" footer="0.47244094488189003"/>
  <pageSetup paperSize="9" fitToHeight="100" orientation="landscape" r:id="rId1"/>
  <headerFooter alignWithMargins="0">
    <oddHeader>&amp;C&amp;"Arial,Bold"Confidential&amp;L&amp;G&amp;REfficio Excel template</oddHeader>
    <oddFooter>&amp;L&amp;F_x000D_&amp;1#&amp;"Calibri"&amp;8&amp;K0000FF Confidential&amp;C&amp;A&amp;RPage &amp;P of &amp;N</oddFooter>
  </headerFooter>
  <drawing r:id="rId2"/>
  <legacyDrawingHF r:id="rId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F5F4189-A465-478C-9120-E0562D690273}">
  <dimension ref="A2:B4"/>
  <sheetViews>
    <sheetView showGridLines="0" zoomScale="70" zoomScaleNormal="70" workbookViewId="0">
      <selection activeCell="B3" sqref="B3"/>
    </sheetView>
  </sheetViews>
  <sheetFormatPr defaultColWidth="8.81640625" defaultRowHeight="12.5" x14ac:dyDescent="0.25"/>
  <cols>
    <col min="1" max="1" width="2.7265625" style="9" customWidth="1"/>
    <col min="2" max="16384" width="8.81640625" style="9"/>
  </cols>
  <sheetData>
    <row r="2" spans="1:2" ht="18" x14ac:dyDescent="0.4">
      <c r="A2" s="7"/>
      <c r="B2" s="8" t="s">
        <v>94</v>
      </c>
    </row>
    <row r="3" spans="1:2" ht="18" x14ac:dyDescent="0.25">
      <c r="B3" s="10" t="s">
        <v>1</v>
      </c>
    </row>
    <row r="4" spans="1:2" x14ac:dyDescent="0.25">
      <c r="B4" s="11" t="s">
        <v>2</v>
      </c>
    </row>
  </sheetData>
  <sheetProtection algorithmName="SHA-512" hashValue="fd4jOuwWLliQlQDc1W6dSXv7RrSvUZXyEEuWOlwUrYZpIcVHoS2GUmjEk1SHSb5W3DjAjLZQnQhx0NOawe6YSw==" saltValue="VqTWDCnye1rGfTaYWSrDcQ==" spinCount="100000" sheet="1" objects="1" scenarios="1"/>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672E838-7FCA-46A4-B61D-A52E603A3EC1}">
  <dimension ref="A1:J206"/>
  <sheetViews>
    <sheetView showGridLines="0" tabSelected="1" zoomScale="40" zoomScaleNormal="40" workbookViewId="0">
      <selection activeCell="I4" sqref="I4"/>
    </sheetView>
  </sheetViews>
  <sheetFormatPr defaultColWidth="8.54296875" defaultRowHeight="0" customHeight="1" zeroHeight="1" x14ac:dyDescent="0.35"/>
  <cols>
    <col min="1" max="1" width="1.81640625" style="2" customWidth="1"/>
    <col min="2" max="2" width="12.54296875" style="2" customWidth="1"/>
    <col min="3" max="3" width="29.26953125" style="2" customWidth="1"/>
    <col min="4" max="4" width="120.453125" style="3" customWidth="1"/>
    <col min="5" max="5" width="31" style="3" customWidth="1"/>
    <col min="6" max="6" width="32.90625" style="6" customWidth="1"/>
    <col min="7" max="7" width="24" style="6" customWidth="1"/>
    <col min="8" max="8" width="17.26953125" style="3" customWidth="1"/>
    <col min="9" max="9" width="20.54296875" style="37" customWidth="1"/>
    <col min="10" max="10" width="30.6328125" style="37" customWidth="1"/>
    <col min="11" max="16384" width="8.54296875" style="13"/>
  </cols>
  <sheetData>
    <row r="1" spans="1:10" ht="21.5" x14ac:dyDescent="0.35">
      <c r="I1" s="12"/>
      <c r="J1" s="12"/>
    </row>
    <row r="2" spans="1:10" ht="27.5" x14ac:dyDescent="0.35">
      <c r="B2" s="4" t="s">
        <v>93</v>
      </c>
      <c r="C2" s="14"/>
      <c r="I2" s="12"/>
      <c r="J2" s="12"/>
    </row>
    <row r="3" spans="1:10" ht="23" x14ac:dyDescent="0.35">
      <c r="B3" s="5" t="s">
        <v>3</v>
      </c>
      <c r="C3" s="5"/>
      <c r="E3" s="15" t="s">
        <v>4</v>
      </c>
      <c r="F3" s="16" t="s">
        <v>5</v>
      </c>
      <c r="I3" s="12"/>
      <c r="J3" s="12"/>
    </row>
    <row r="4" spans="1:10" ht="8.25" customHeight="1" x14ac:dyDescent="0.35">
      <c r="A4" s="13"/>
      <c r="B4" s="5"/>
      <c r="C4" s="5"/>
      <c r="D4" s="18"/>
      <c r="E4" s="19"/>
      <c r="F4" s="17"/>
      <c r="G4" s="17"/>
      <c r="H4" s="20"/>
      <c r="I4" s="1"/>
      <c r="J4" s="1"/>
    </row>
    <row r="5" spans="1:10" ht="19.5" customHeight="1" x14ac:dyDescent="0.35">
      <c r="A5" s="13"/>
      <c r="B5" s="2" t="s">
        <v>6</v>
      </c>
      <c r="C5" s="5"/>
      <c r="D5" s="18"/>
      <c r="E5" s="19"/>
      <c r="F5" s="17"/>
      <c r="G5" s="17"/>
      <c r="H5" s="20"/>
      <c r="I5" s="1"/>
      <c r="J5" s="1"/>
    </row>
    <row r="6" spans="1:10" ht="19.5" customHeight="1" x14ac:dyDescent="0.35">
      <c r="A6" s="13"/>
      <c r="B6" s="2" t="s">
        <v>7</v>
      </c>
      <c r="C6" s="5"/>
      <c r="D6" s="18"/>
      <c r="E6" s="19"/>
      <c r="F6" s="17"/>
      <c r="G6" s="17"/>
      <c r="H6" s="20"/>
      <c r="I6" s="1"/>
      <c r="J6" s="1"/>
    </row>
    <row r="7" spans="1:10" ht="19.5" customHeight="1" x14ac:dyDescent="0.35">
      <c r="A7" s="13"/>
      <c r="B7" s="2" t="s">
        <v>95</v>
      </c>
      <c r="C7" s="5"/>
      <c r="D7" s="18"/>
      <c r="E7" s="19"/>
      <c r="F7" s="17"/>
      <c r="G7" s="17"/>
      <c r="H7" s="20"/>
      <c r="I7" s="1"/>
      <c r="J7" s="1"/>
    </row>
    <row r="8" spans="1:10" ht="19.5" customHeight="1" x14ac:dyDescent="0.35">
      <c r="A8" s="13"/>
      <c r="B8" s="2" t="s">
        <v>8</v>
      </c>
      <c r="C8" s="5"/>
      <c r="D8" s="18"/>
      <c r="E8" s="19"/>
      <c r="F8" s="17"/>
      <c r="G8" s="17"/>
      <c r="H8" s="20"/>
      <c r="I8" s="1"/>
      <c r="J8" s="1"/>
    </row>
    <row r="9" spans="1:10" ht="19.5" customHeight="1" x14ac:dyDescent="0.35">
      <c r="A9" s="13"/>
      <c r="B9" s="41" t="s">
        <v>100</v>
      </c>
      <c r="C9" s="5"/>
      <c r="D9" s="18"/>
      <c r="E9" s="19"/>
      <c r="F9" s="17"/>
      <c r="G9" s="17"/>
      <c r="H9" s="20"/>
      <c r="I9" s="1"/>
      <c r="J9" s="1"/>
    </row>
    <row r="10" spans="1:10" ht="6.75" customHeight="1" thickBot="1" x14ac:dyDescent="0.4">
      <c r="I10" s="12"/>
      <c r="J10" s="12"/>
    </row>
    <row r="11" spans="1:10" ht="43" x14ac:dyDescent="0.35">
      <c r="B11" s="21" t="s">
        <v>9</v>
      </c>
      <c r="C11" s="22" t="s">
        <v>10</v>
      </c>
      <c r="D11" s="22" t="s">
        <v>11</v>
      </c>
      <c r="E11" s="22" t="s">
        <v>12</v>
      </c>
      <c r="F11" s="22" t="s">
        <v>13</v>
      </c>
      <c r="G11" s="22" t="s">
        <v>14</v>
      </c>
      <c r="H11" s="22" t="s">
        <v>15</v>
      </c>
      <c r="I11" s="22" t="s">
        <v>16</v>
      </c>
      <c r="J11" s="22" t="s">
        <v>17</v>
      </c>
    </row>
    <row r="12" spans="1:10" ht="72.5" x14ac:dyDescent="0.35">
      <c r="B12" s="23">
        <v>1.1000000000000001</v>
      </c>
      <c r="C12" s="24" t="s">
        <v>18</v>
      </c>
      <c r="D12" s="25" t="s">
        <v>19</v>
      </c>
      <c r="E12" s="24" t="s">
        <v>20</v>
      </c>
      <c r="F12" s="24" t="s">
        <v>21</v>
      </c>
      <c r="G12" s="24"/>
      <c r="H12" s="26"/>
      <c r="I12" s="27"/>
      <c r="J12" s="27"/>
    </row>
    <row r="13" spans="1:10" ht="87" x14ac:dyDescent="0.35">
      <c r="B13" s="23">
        <v>1.2</v>
      </c>
      <c r="C13" s="24" t="s">
        <v>18</v>
      </c>
      <c r="D13" s="25" t="s">
        <v>22</v>
      </c>
      <c r="E13" s="28" t="s">
        <v>20</v>
      </c>
      <c r="F13" s="24" t="s">
        <v>21</v>
      </c>
      <c r="G13" s="24"/>
      <c r="H13" s="26"/>
      <c r="I13" s="27"/>
      <c r="J13" s="27"/>
    </row>
    <row r="14" spans="1:10" ht="21.5" x14ac:dyDescent="0.35">
      <c r="B14" s="23">
        <v>2.1</v>
      </c>
      <c r="C14" s="24" t="s">
        <v>23</v>
      </c>
      <c r="D14" s="25" t="s">
        <v>24</v>
      </c>
      <c r="E14" s="24" t="s">
        <v>92</v>
      </c>
      <c r="F14" s="24" t="s">
        <v>92</v>
      </c>
      <c r="G14" s="24"/>
      <c r="H14" s="26" t="s">
        <v>92</v>
      </c>
      <c r="I14" s="27"/>
      <c r="J14" s="27"/>
    </row>
    <row r="15" spans="1:10" ht="21.5" x14ac:dyDescent="0.35">
      <c r="B15" s="23">
        <v>2.2000000000000002</v>
      </c>
      <c r="C15" s="24" t="s">
        <v>23</v>
      </c>
      <c r="D15" s="25" t="s">
        <v>25</v>
      </c>
      <c r="E15" s="24" t="s">
        <v>92</v>
      </c>
      <c r="F15" s="24" t="s">
        <v>92</v>
      </c>
      <c r="G15" s="24"/>
      <c r="H15" s="26" t="s">
        <v>92</v>
      </c>
      <c r="I15" s="27"/>
      <c r="J15" s="27"/>
    </row>
    <row r="16" spans="1:10" ht="21.5" x14ac:dyDescent="0.35">
      <c r="B16" s="23">
        <v>2.2999999999999998</v>
      </c>
      <c r="C16" s="24" t="s">
        <v>23</v>
      </c>
      <c r="D16" s="25" t="s">
        <v>26</v>
      </c>
      <c r="E16" s="24" t="s">
        <v>91</v>
      </c>
      <c r="F16" s="24" t="s">
        <v>27</v>
      </c>
      <c r="G16" s="24"/>
      <c r="H16" s="26" t="s">
        <v>92</v>
      </c>
      <c r="I16" s="27"/>
      <c r="J16" s="27"/>
    </row>
    <row r="17" spans="2:10" ht="21.5" x14ac:dyDescent="0.35">
      <c r="B17" s="23">
        <v>2.4</v>
      </c>
      <c r="C17" s="24" t="s">
        <v>23</v>
      </c>
      <c r="D17" s="29" t="s">
        <v>28</v>
      </c>
      <c r="E17" s="24" t="s">
        <v>91</v>
      </c>
      <c r="F17" s="24" t="s">
        <v>27</v>
      </c>
      <c r="G17" s="24"/>
      <c r="H17" s="26" t="s">
        <v>92</v>
      </c>
      <c r="I17" s="27"/>
      <c r="J17" s="27"/>
    </row>
    <row r="18" spans="2:10" ht="21.5" x14ac:dyDescent="0.35">
      <c r="B18" s="23">
        <v>2.5</v>
      </c>
      <c r="C18" s="24" t="s">
        <v>23</v>
      </c>
      <c r="D18" s="29" t="s">
        <v>29</v>
      </c>
      <c r="E18" s="24" t="s">
        <v>91</v>
      </c>
      <c r="F18" s="24" t="s">
        <v>27</v>
      </c>
      <c r="G18" s="24"/>
      <c r="H18" s="26" t="s">
        <v>92</v>
      </c>
      <c r="I18" s="27"/>
      <c r="J18" s="27"/>
    </row>
    <row r="19" spans="2:10" ht="29" x14ac:dyDescent="0.35">
      <c r="B19" s="23">
        <v>2.6</v>
      </c>
      <c r="C19" s="24" t="s">
        <v>23</v>
      </c>
      <c r="D19" s="29" t="s">
        <v>30</v>
      </c>
      <c r="E19" s="24" t="s">
        <v>91</v>
      </c>
      <c r="F19" s="24" t="s">
        <v>27</v>
      </c>
      <c r="G19" s="24"/>
      <c r="H19" s="26" t="s">
        <v>92</v>
      </c>
      <c r="I19" s="27"/>
      <c r="J19" s="27"/>
    </row>
    <row r="20" spans="2:10" ht="21.5" x14ac:dyDescent="0.35">
      <c r="B20" s="23">
        <v>2.7</v>
      </c>
      <c r="C20" s="24" t="s">
        <v>23</v>
      </c>
      <c r="D20" s="29" t="s">
        <v>31</v>
      </c>
      <c r="E20" s="24" t="s">
        <v>91</v>
      </c>
      <c r="F20" s="24" t="s">
        <v>27</v>
      </c>
      <c r="G20" s="24"/>
      <c r="H20" s="26" t="s">
        <v>92</v>
      </c>
      <c r="I20" s="27"/>
      <c r="J20" s="27"/>
    </row>
    <row r="21" spans="2:10" ht="87" x14ac:dyDescent="0.35">
      <c r="B21" s="23">
        <v>3.1</v>
      </c>
      <c r="C21" s="24" t="s">
        <v>32</v>
      </c>
      <c r="D21" s="29" t="s">
        <v>33</v>
      </c>
      <c r="E21" s="24" t="s">
        <v>91</v>
      </c>
      <c r="F21" s="24" t="s">
        <v>27</v>
      </c>
      <c r="G21" s="24"/>
      <c r="H21" s="26"/>
      <c r="I21" s="27"/>
      <c r="J21" s="27"/>
    </row>
    <row r="22" spans="2:10" ht="58" x14ac:dyDescent="0.35">
      <c r="B22" s="23">
        <v>3.2</v>
      </c>
      <c r="C22" s="24" t="s">
        <v>32</v>
      </c>
      <c r="D22" s="29" t="s">
        <v>34</v>
      </c>
      <c r="E22" s="24" t="s">
        <v>91</v>
      </c>
      <c r="F22" s="24" t="s">
        <v>27</v>
      </c>
      <c r="G22" s="24"/>
      <c r="H22" s="26"/>
      <c r="I22" s="27"/>
      <c r="J22" s="27"/>
    </row>
    <row r="23" spans="2:10" ht="58" x14ac:dyDescent="0.35">
      <c r="B23" s="23">
        <v>3.3</v>
      </c>
      <c r="C23" s="24" t="s">
        <v>32</v>
      </c>
      <c r="D23" s="29" t="s">
        <v>35</v>
      </c>
      <c r="E23" s="24" t="s">
        <v>91</v>
      </c>
      <c r="F23" s="24" t="s">
        <v>27</v>
      </c>
      <c r="G23" s="24"/>
      <c r="H23" s="26"/>
      <c r="I23" s="27"/>
      <c r="J23" s="27"/>
    </row>
    <row r="24" spans="2:10" ht="409.5" x14ac:dyDescent="0.35">
      <c r="B24" s="23">
        <v>3.4</v>
      </c>
      <c r="C24" s="24" t="s">
        <v>32</v>
      </c>
      <c r="D24" s="29" t="s">
        <v>36</v>
      </c>
      <c r="E24" s="28" t="s">
        <v>20</v>
      </c>
      <c r="F24" s="24" t="s">
        <v>37</v>
      </c>
      <c r="G24" s="24"/>
      <c r="H24" s="26"/>
      <c r="I24" s="27"/>
      <c r="J24" s="27"/>
    </row>
    <row r="25" spans="2:10" ht="203" x14ac:dyDescent="0.35">
      <c r="B25" s="23">
        <v>4.0999999999999996</v>
      </c>
      <c r="C25" s="24" t="s">
        <v>38</v>
      </c>
      <c r="D25" s="29" t="s">
        <v>39</v>
      </c>
      <c r="E25" s="28" t="s">
        <v>20</v>
      </c>
      <c r="F25" s="24" t="s">
        <v>40</v>
      </c>
      <c r="G25" s="24"/>
      <c r="H25" s="26"/>
      <c r="I25" s="27"/>
      <c r="J25" s="27"/>
    </row>
    <row r="26" spans="2:10" ht="101.5" x14ac:dyDescent="0.35">
      <c r="B26" s="23">
        <v>4.2</v>
      </c>
      <c r="C26" s="24" t="s">
        <v>38</v>
      </c>
      <c r="D26" s="31" t="s">
        <v>41</v>
      </c>
      <c r="E26" s="28" t="s">
        <v>20</v>
      </c>
      <c r="F26" s="24" t="s">
        <v>42</v>
      </c>
      <c r="G26" s="24" t="s">
        <v>43</v>
      </c>
      <c r="H26" s="26"/>
      <c r="I26" s="27"/>
      <c r="J26" s="27"/>
    </row>
    <row r="27" spans="2:10" ht="29" x14ac:dyDescent="0.35">
      <c r="B27" s="23">
        <v>5.0999999999999996</v>
      </c>
      <c r="C27" s="24" t="s">
        <v>44</v>
      </c>
      <c r="D27" s="31" t="s">
        <v>45</v>
      </c>
      <c r="E27" s="24" t="s">
        <v>20</v>
      </c>
      <c r="F27" s="24" t="s">
        <v>21</v>
      </c>
      <c r="G27" s="24"/>
      <c r="H27" s="26"/>
      <c r="I27" s="27"/>
      <c r="J27" s="27"/>
    </row>
    <row r="28" spans="2:10" ht="43.5" x14ac:dyDescent="0.35">
      <c r="B28" s="23">
        <v>5.2</v>
      </c>
      <c r="C28" s="24" t="s">
        <v>44</v>
      </c>
      <c r="D28" s="31" t="s">
        <v>46</v>
      </c>
      <c r="E28" s="24" t="s">
        <v>20</v>
      </c>
      <c r="F28" s="24" t="s">
        <v>42</v>
      </c>
      <c r="G28" s="24" t="s">
        <v>43</v>
      </c>
      <c r="H28" s="26"/>
      <c r="I28" s="27"/>
      <c r="J28" s="27"/>
    </row>
    <row r="29" spans="2:10" ht="159.5" x14ac:dyDescent="0.35">
      <c r="B29" s="23">
        <v>5.3</v>
      </c>
      <c r="C29" s="24" t="s">
        <v>44</v>
      </c>
      <c r="D29" s="31" t="s">
        <v>47</v>
      </c>
      <c r="E29" s="24" t="s">
        <v>20</v>
      </c>
      <c r="F29" s="24" t="s">
        <v>48</v>
      </c>
      <c r="G29" s="24" t="s">
        <v>43</v>
      </c>
      <c r="H29" s="26"/>
      <c r="I29" s="27"/>
      <c r="J29" s="27"/>
    </row>
    <row r="30" spans="2:10" ht="29" x14ac:dyDescent="0.35">
      <c r="B30" s="23">
        <v>5.4</v>
      </c>
      <c r="C30" s="24" t="s">
        <v>44</v>
      </c>
      <c r="D30" s="31" t="s">
        <v>49</v>
      </c>
      <c r="E30" s="24" t="s">
        <v>20</v>
      </c>
      <c r="F30" s="24" t="s">
        <v>42</v>
      </c>
      <c r="G30" s="24" t="s">
        <v>43</v>
      </c>
      <c r="H30" s="26"/>
      <c r="I30" s="27"/>
      <c r="J30" s="27"/>
    </row>
    <row r="31" spans="2:10" ht="145" x14ac:dyDescent="0.35">
      <c r="B31" s="23">
        <v>5.5</v>
      </c>
      <c r="C31" s="24" t="s">
        <v>44</v>
      </c>
      <c r="D31" s="31" t="s">
        <v>50</v>
      </c>
      <c r="E31" s="24" t="s">
        <v>20</v>
      </c>
      <c r="F31" s="24" t="s">
        <v>51</v>
      </c>
      <c r="G31" s="24"/>
      <c r="H31" s="26"/>
      <c r="I31" s="27"/>
      <c r="J31" s="27"/>
    </row>
    <row r="32" spans="2:10" ht="21.5" x14ac:dyDescent="0.35">
      <c r="B32" s="23">
        <v>5.6</v>
      </c>
      <c r="C32" s="24" t="s">
        <v>44</v>
      </c>
      <c r="D32" s="31" t="s">
        <v>52</v>
      </c>
      <c r="E32" s="24" t="s">
        <v>20</v>
      </c>
      <c r="F32" s="24" t="s">
        <v>21</v>
      </c>
      <c r="G32" s="24"/>
      <c r="H32" s="26"/>
      <c r="I32" s="27"/>
      <c r="J32" s="27"/>
    </row>
    <row r="33" spans="1:10" ht="21.5" x14ac:dyDescent="0.35">
      <c r="B33" s="23">
        <v>5.7</v>
      </c>
      <c r="C33" s="24" t="s">
        <v>44</v>
      </c>
      <c r="D33" s="31" t="s">
        <v>53</v>
      </c>
      <c r="E33" s="24" t="s">
        <v>20</v>
      </c>
      <c r="F33" s="24" t="s">
        <v>21</v>
      </c>
      <c r="G33" s="24"/>
      <c r="H33" s="26"/>
      <c r="I33" s="27"/>
      <c r="J33" s="27"/>
    </row>
    <row r="34" spans="1:10" ht="43.5" x14ac:dyDescent="0.35">
      <c r="B34" s="23">
        <v>6.1</v>
      </c>
      <c r="C34" s="24" t="s">
        <v>54</v>
      </c>
      <c r="D34" s="31" t="s">
        <v>55</v>
      </c>
      <c r="E34" s="24" t="s">
        <v>20</v>
      </c>
      <c r="F34" s="24" t="s">
        <v>42</v>
      </c>
      <c r="G34" s="24" t="s">
        <v>43</v>
      </c>
      <c r="H34" s="26"/>
      <c r="I34" s="27"/>
      <c r="J34" s="27"/>
    </row>
    <row r="35" spans="1:10" ht="58" x14ac:dyDescent="0.35">
      <c r="B35" s="23">
        <v>6.2</v>
      </c>
      <c r="C35" s="24" t="s">
        <v>54</v>
      </c>
      <c r="D35" s="31" t="s">
        <v>56</v>
      </c>
      <c r="E35" s="24" t="s">
        <v>20</v>
      </c>
      <c r="F35" s="24" t="s">
        <v>57</v>
      </c>
      <c r="G35" s="24"/>
      <c r="H35" s="26"/>
      <c r="I35" s="27"/>
      <c r="J35" s="27"/>
    </row>
    <row r="36" spans="1:10" ht="409.5" x14ac:dyDescent="0.35">
      <c r="B36" s="23">
        <v>6.3</v>
      </c>
      <c r="C36" s="24" t="s">
        <v>54</v>
      </c>
      <c r="D36" s="31" t="s">
        <v>58</v>
      </c>
      <c r="E36" s="28" t="s">
        <v>20</v>
      </c>
      <c r="F36" s="24" t="s">
        <v>59</v>
      </c>
      <c r="G36" s="24"/>
      <c r="H36" s="26"/>
      <c r="I36" s="27"/>
      <c r="J36" s="27"/>
    </row>
    <row r="37" spans="1:10" ht="409.5" x14ac:dyDescent="0.35">
      <c r="B37" s="23">
        <v>6.4</v>
      </c>
      <c r="C37" s="24" t="s">
        <v>54</v>
      </c>
      <c r="D37" s="31" t="s">
        <v>60</v>
      </c>
      <c r="E37" s="28" t="s">
        <v>20</v>
      </c>
      <c r="F37" s="24" t="s">
        <v>61</v>
      </c>
      <c r="G37" s="24"/>
      <c r="H37" s="26"/>
      <c r="I37" s="27"/>
      <c r="J37" s="27"/>
    </row>
    <row r="38" spans="1:10" ht="409.5" x14ac:dyDescent="0.35">
      <c r="B38" s="23">
        <v>6.5</v>
      </c>
      <c r="C38" s="24" t="s">
        <v>54</v>
      </c>
      <c r="D38" s="31" t="s">
        <v>62</v>
      </c>
      <c r="E38" s="28" t="s">
        <v>20</v>
      </c>
      <c r="F38" s="24" t="s">
        <v>63</v>
      </c>
      <c r="G38" s="24"/>
      <c r="H38" s="26"/>
      <c r="I38" s="27"/>
      <c r="J38" s="27"/>
    </row>
    <row r="39" spans="1:10" ht="159.5" x14ac:dyDescent="0.35">
      <c r="B39" s="23">
        <v>7.1</v>
      </c>
      <c r="C39" s="24" t="s">
        <v>64</v>
      </c>
      <c r="D39" s="31" t="s">
        <v>65</v>
      </c>
      <c r="E39" s="24" t="s">
        <v>20</v>
      </c>
      <c r="F39" s="24" t="s">
        <v>21</v>
      </c>
      <c r="G39" s="24"/>
      <c r="H39" s="26"/>
      <c r="I39" s="27"/>
      <c r="J39" s="27"/>
    </row>
    <row r="40" spans="1:10" ht="203" x14ac:dyDescent="0.35">
      <c r="B40" s="23">
        <v>7.2</v>
      </c>
      <c r="C40" s="24" t="s">
        <v>64</v>
      </c>
      <c r="D40" s="31" t="s">
        <v>66</v>
      </c>
      <c r="E40" s="24" t="s">
        <v>20</v>
      </c>
      <c r="F40" s="24" t="s">
        <v>21</v>
      </c>
      <c r="G40" s="24"/>
      <c r="H40" s="26"/>
      <c r="I40" s="27"/>
      <c r="J40" s="27"/>
    </row>
    <row r="41" spans="1:10" ht="159.5" x14ac:dyDescent="0.35">
      <c r="B41" s="23">
        <v>7.3</v>
      </c>
      <c r="C41" s="24" t="s">
        <v>64</v>
      </c>
      <c r="D41" s="31" t="s">
        <v>67</v>
      </c>
      <c r="E41" s="24" t="s">
        <v>20</v>
      </c>
      <c r="F41" s="24" t="s">
        <v>68</v>
      </c>
      <c r="G41" s="24"/>
      <c r="H41" s="26"/>
      <c r="I41" s="27"/>
      <c r="J41" s="27"/>
    </row>
    <row r="42" spans="1:10" ht="21.5" x14ac:dyDescent="0.35">
      <c r="B42" s="23">
        <v>7.4</v>
      </c>
      <c r="C42" s="24" t="s">
        <v>64</v>
      </c>
      <c r="D42" s="31" t="s">
        <v>69</v>
      </c>
      <c r="E42" s="24" t="s">
        <v>20</v>
      </c>
      <c r="F42" s="24" t="s">
        <v>37</v>
      </c>
      <c r="G42" s="24"/>
      <c r="H42" s="26"/>
      <c r="I42" s="27"/>
      <c r="J42" s="27"/>
    </row>
    <row r="43" spans="1:10" ht="29" x14ac:dyDescent="0.35">
      <c r="B43" s="23">
        <v>7.5</v>
      </c>
      <c r="C43" s="24" t="s">
        <v>64</v>
      </c>
      <c r="D43" s="31" t="s">
        <v>70</v>
      </c>
      <c r="E43" s="24" t="s">
        <v>20</v>
      </c>
      <c r="F43" s="24" t="s">
        <v>21</v>
      </c>
      <c r="G43" s="24"/>
      <c r="H43" s="26"/>
      <c r="I43" s="27"/>
      <c r="J43" s="27"/>
    </row>
    <row r="44" spans="1:10" ht="29" x14ac:dyDescent="0.35">
      <c r="B44" s="23">
        <v>7.6</v>
      </c>
      <c r="C44" s="24" t="s">
        <v>64</v>
      </c>
      <c r="D44" s="31" t="s">
        <v>71</v>
      </c>
      <c r="E44" s="24" t="s">
        <v>20</v>
      </c>
      <c r="F44" s="24" t="s">
        <v>21</v>
      </c>
      <c r="G44" s="24"/>
      <c r="H44" s="26"/>
      <c r="I44" s="27"/>
      <c r="J44" s="27"/>
    </row>
    <row r="45" spans="1:10" ht="101.5" x14ac:dyDescent="0.35">
      <c r="B45" s="23">
        <v>7.7</v>
      </c>
      <c r="C45" s="24" t="s">
        <v>64</v>
      </c>
      <c r="D45" s="31" t="s">
        <v>72</v>
      </c>
      <c r="E45" s="24" t="s">
        <v>20</v>
      </c>
      <c r="F45" s="24" t="s">
        <v>73</v>
      </c>
      <c r="G45" s="24"/>
      <c r="H45" s="26"/>
      <c r="I45" s="27"/>
      <c r="J45" s="27"/>
    </row>
    <row r="46" spans="1:10" ht="101.5" x14ac:dyDescent="0.35">
      <c r="B46" s="23">
        <v>8.1</v>
      </c>
      <c r="C46" s="24" t="s">
        <v>74</v>
      </c>
      <c r="D46" s="31" t="s">
        <v>75</v>
      </c>
      <c r="E46" s="24" t="s">
        <v>20</v>
      </c>
      <c r="F46" s="24" t="s">
        <v>42</v>
      </c>
      <c r="G46" s="24" t="s">
        <v>43</v>
      </c>
      <c r="H46" s="26"/>
      <c r="I46" s="27"/>
      <c r="J46" s="27"/>
    </row>
    <row r="47" spans="1:10" ht="43.5" x14ac:dyDescent="0.35">
      <c r="A47" s="13"/>
      <c r="B47" s="23">
        <v>9.1</v>
      </c>
      <c r="C47" s="24" t="s">
        <v>76</v>
      </c>
      <c r="D47" s="31" t="s">
        <v>77</v>
      </c>
      <c r="E47" s="24" t="s">
        <v>20</v>
      </c>
      <c r="F47" s="24" t="s">
        <v>42</v>
      </c>
      <c r="G47" s="24" t="s">
        <v>43</v>
      </c>
      <c r="H47" s="26"/>
      <c r="I47" s="27"/>
      <c r="J47" s="27"/>
    </row>
    <row r="48" spans="1:10" ht="58" x14ac:dyDescent="0.35">
      <c r="A48" s="13"/>
      <c r="B48" s="23">
        <v>9.1999999999999993</v>
      </c>
      <c r="C48" s="24" t="s">
        <v>76</v>
      </c>
      <c r="D48" s="31" t="s">
        <v>78</v>
      </c>
      <c r="E48" s="24" t="s">
        <v>20</v>
      </c>
      <c r="F48" s="24" t="s">
        <v>42</v>
      </c>
      <c r="G48" s="24" t="s">
        <v>43</v>
      </c>
      <c r="H48" s="26"/>
      <c r="I48" s="27"/>
      <c r="J48" s="27"/>
    </row>
    <row r="49" spans="1:10" ht="21.5" x14ac:dyDescent="0.35">
      <c r="A49" s="13"/>
      <c r="B49" s="23">
        <v>9.3000000000000007</v>
      </c>
      <c r="C49" s="24" t="s">
        <v>76</v>
      </c>
      <c r="D49" s="31" t="s">
        <v>79</v>
      </c>
      <c r="E49" s="24" t="s">
        <v>20</v>
      </c>
      <c r="F49" s="24" t="s">
        <v>21</v>
      </c>
      <c r="G49" s="24"/>
      <c r="H49" s="26"/>
      <c r="I49" s="27"/>
      <c r="J49" s="27"/>
    </row>
    <row r="50" spans="1:10" ht="159.5" x14ac:dyDescent="0.35">
      <c r="B50" s="23">
        <v>10.1</v>
      </c>
      <c r="C50" s="24" t="s">
        <v>80</v>
      </c>
      <c r="D50" s="31" t="s">
        <v>81</v>
      </c>
      <c r="E50" s="24" t="s">
        <v>20</v>
      </c>
      <c r="F50" s="24" t="s">
        <v>42</v>
      </c>
      <c r="G50" s="24" t="s">
        <v>43</v>
      </c>
      <c r="H50" s="26"/>
      <c r="I50" s="27"/>
      <c r="J50" s="27"/>
    </row>
    <row r="51" spans="1:10" ht="159.5" x14ac:dyDescent="0.35">
      <c r="B51" s="23">
        <v>10.199999999999999</v>
      </c>
      <c r="C51" s="24" t="s">
        <v>80</v>
      </c>
      <c r="D51" s="31" t="s">
        <v>82</v>
      </c>
      <c r="E51" s="24" t="s">
        <v>20</v>
      </c>
      <c r="F51" s="24" t="s">
        <v>42</v>
      </c>
      <c r="G51" s="24" t="s">
        <v>43</v>
      </c>
      <c r="H51" s="26"/>
      <c r="I51" s="27"/>
      <c r="J51" s="27"/>
    </row>
    <row r="52" spans="1:10" ht="21.5" x14ac:dyDescent="0.35">
      <c r="B52" s="30">
        <v>11.1</v>
      </c>
      <c r="C52" s="28" t="s">
        <v>83</v>
      </c>
      <c r="D52" s="32" t="s">
        <v>84</v>
      </c>
      <c r="E52" s="24" t="s">
        <v>20</v>
      </c>
      <c r="F52" s="24" t="s">
        <v>21</v>
      </c>
      <c r="G52" s="24"/>
      <c r="H52" s="26"/>
      <c r="I52" s="27"/>
      <c r="J52" s="27"/>
    </row>
    <row r="53" spans="1:10" ht="29" x14ac:dyDescent="0.35">
      <c r="A53" s="13"/>
      <c r="B53" s="30">
        <v>11.2</v>
      </c>
      <c r="C53" s="28" t="s">
        <v>83</v>
      </c>
      <c r="D53" s="32" t="s">
        <v>86</v>
      </c>
      <c r="E53" s="24" t="s">
        <v>20</v>
      </c>
      <c r="F53" s="24" t="s">
        <v>21</v>
      </c>
      <c r="G53" s="24"/>
      <c r="H53" s="26"/>
      <c r="I53" s="27"/>
      <c r="J53" s="27"/>
    </row>
    <row r="54" spans="1:10" s="1" customFormat="1" ht="14.5" x14ac:dyDescent="0.35">
      <c r="A54" s="12"/>
      <c r="B54" s="30">
        <v>11.3</v>
      </c>
      <c r="C54" s="33" t="s">
        <v>83</v>
      </c>
      <c r="D54" s="34" t="s">
        <v>87</v>
      </c>
      <c r="E54" s="35" t="s">
        <v>20</v>
      </c>
      <c r="F54" s="24" t="s">
        <v>21</v>
      </c>
      <c r="G54" s="36"/>
      <c r="H54" s="26"/>
      <c r="I54" s="27"/>
      <c r="J54" s="27"/>
    </row>
    <row r="55" spans="1:10" ht="21.5" x14ac:dyDescent="0.35">
      <c r="B55" s="30">
        <v>11.4</v>
      </c>
      <c r="C55" s="28" t="s">
        <v>83</v>
      </c>
      <c r="D55" s="32" t="s">
        <v>88</v>
      </c>
      <c r="E55" s="24" t="s">
        <v>20</v>
      </c>
      <c r="F55" s="24" t="s">
        <v>21</v>
      </c>
      <c r="G55" s="24"/>
      <c r="H55" s="26"/>
      <c r="I55" s="27"/>
      <c r="J55" s="27"/>
    </row>
    <row r="56" spans="1:10" ht="29" x14ac:dyDescent="0.35">
      <c r="B56" s="30">
        <v>11.5</v>
      </c>
      <c r="C56" s="28" t="s">
        <v>83</v>
      </c>
      <c r="D56" s="32" t="s">
        <v>98</v>
      </c>
      <c r="E56" s="24" t="s">
        <v>20</v>
      </c>
      <c r="F56" s="24" t="s">
        <v>21</v>
      </c>
      <c r="G56" s="28"/>
      <c r="H56" s="26"/>
      <c r="I56" s="27"/>
      <c r="J56" s="27"/>
    </row>
    <row r="57" spans="1:10" ht="34.5" customHeight="1" x14ac:dyDescent="0.35">
      <c r="B57" s="30">
        <v>11.6</v>
      </c>
      <c r="C57" s="28" t="s">
        <v>83</v>
      </c>
      <c r="D57" s="32" t="s">
        <v>89</v>
      </c>
      <c r="E57" s="24" t="s">
        <v>20</v>
      </c>
      <c r="F57" s="24" t="s">
        <v>21</v>
      </c>
      <c r="G57" s="28"/>
      <c r="H57" s="26"/>
      <c r="I57" s="27"/>
      <c r="J57" s="27"/>
    </row>
    <row r="58" spans="1:10" ht="32.5" customHeight="1" x14ac:dyDescent="0.35">
      <c r="A58" s="13"/>
      <c r="B58" s="30">
        <v>11.7</v>
      </c>
      <c r="C58" s="28" t="s">
        <v>83</v>
      </c>
      <c r="D58" s="32" t="s">
        <v>97</v>
      </c>
      <c r="E58" s="24" t="s">
        <v>20</v>
      </c>
      <c r="F58" s="24" t="s">
        <v>21</v>
      </c>
      <c r="G58" s="24"/>
      <c r="H58" s="26"/>
      <c r="I58" s="27"/>
      <c r="J58" s="27"/>
    </row>
    <row r="59" spans="1:10" ht="21.5" x14ac:dyDescent="0.35">
      <c r="B59" s="30">
        <v>11.8</v>
      </c>
      <c r="C59" s="28" t="s">
        <v>83</v>
      </c>
      <c r="D59" s="32" t="s">
        <v>99</v>
      </c>
      <c r="E59" s="24" t="s">
        <v>20</v>
      </c>
      <c r="F59" s="24" t="s">
        <v>21</v>
      </c>
      <c r="G59" s="28"/>
      <c r="H59" s="26"/>
      <c r="I59" s="27"/>
      <c r="J59" s="27"/>
    </row>
    <row r="60" spans="1:10" ht="188.5" x14ac:dyDescent="0.35">
      <c r="B60" s="30">
        <v>12.1</v>
      </c>
      <c r="C60" s="28" t="s">
        <v>90</v>
      </c>
      <c r="D60" s="32" t="s">
        <v>96</v>
      </c>
      <c r="E60" s="24" t="s">
        <v>91</v>
      </c>
      <c r="F60" s="24" t="s">
        <v>92</v>
      </c>
      <c r="G60" s="28"/>
      <c r="H60" s="26" t="s">
        <v>92</v>
      </c>
      <c r="I60" s="27"/>
      <c r="J60" s="27"/>
    </row>
    <row r="61" spans="1:10" ht="21.5" customHeight="1" x14ac:dyDescent="0.35"/>
    <row r="62" spans="1:10" ht="21.5" customHeight="1" x14ac:dyDescent="0.35"/>
    <row r="63" spans="1:10" ht="21.5" customHeight="1" x14ac:dyDescent="0.35"/>
    <row r="64" spans="1:10" ht="21.5" customHeight="1" x14ac:dyDescent="0.35"/>
    <row r="65" spans="1:10" ht="21.5" customHeight="1" x14ac:dyDescent="0.35"/>
    <row r="66" spans="1:10" ht="21.5" customHeight="1" x14ac:dyDescent="0.35"/>
    <row r="67" spans="1:10" ht="21.5" customHeight="1" x14ac:dyDescent="0.35">
      <c r="A67" s="13"/>
      <c r="B67" s="38"/>
      <c r="C67" s="38"/>
      <c r="H67" s="39"/>
      <c r="I67" s="39"/>
      <c r="J67" s="39"/>
    </row>
    <row r="68" spans="1:10" ht="21.5" customHeight="1" x14ac:dyDescent="0.35">
      <c r="A68" s="13"/>
      <c r="B68" s="38"/>
      <c r="C68" s="38"/>
      <c r="D68" s="39"/>
      <c r="E68" s="40"/>
      <c r="F68" s="39"/>
      <c r="G68" s="39"/>
      <c r="H68" s="39"/>
      <c r="I68" s="39"/>
      <c r="J68" s="39"/>
    </row>
    <row r="69" spans="1:10" ht="21.5" customHeight="1" x14ac:dyDescent="0.35">
      <c r="A69" s="13"/>
      <c r="B69" s="38"/>
      <c r="C69" s="38"/>
      <c r="D69" s="39"/>
      <c r="E69" s="40"/>
      <c r="F69" s="39"/>
      <c r="G69" s="39"/>
      <c r="H69" s="39"/>
      <c r="I69" s="39"/>
      <c r="J69" s="39"/>
    </row>
    <row r="70" spans="1:10" ht="21.5" customHeight="1" x14ac:dyDescent="0.35">
      <c r="A70" s="13"/>
      <c r="B70" s="38"/>
      <c r="C70" s="38"/>
      <c r="D70" s="39"/>
      <c r="E70" s="40"/>
      <c r="F70" s="39"/>
      <c r="G70" s="39"/>
      <c r="H70" s="39"/>
      <c r="I70" s="39"/>
      <c r="J70" s="39"/>
    </row>
    <row r="71" spans="1:10" ht="21.5" customHeight="1" x14ac:dyDescent="0.35">
      <c r="A71" s="13"/>
      <c r="B71" s="38"/>
      <c r="C71" s="38"/>
      <c r="D71" s="39"/>
      <c r="E71" s="40"/>
      <c r="F71" s="39"/>
      <c r="G71" s="39"/>
      <c r="H71" s="39"/>
      <c r="I71" s="39"/>
      <c r="J71" s="39"/>
    </row>
    <row r="72" spans="1:10" ht="21.5" customHeight="1" x14ac:dyDescent="0.35">
      <c r="A72" s="13"/>
      <c r="B72" s="38"/>
      <c r="C72" s="38"/>
      <c r="D72" s="39"/>
      <c r="E72" s="40"/>
      <c r="F72" s="39"/>
      <c r="G72" s="39"/>
      <c r="H72" s="39"/>
      <c r="I72" s="39"/>
      <c r="J72" s="39"/>
    </row>
    <row r="73" spans="1:10" ht="21.5" customHeight="1" x14ac:dyDescent="0.35">
      <c r="A73" s="13"/>
      <c r="B73" s="38"/>
      <c r="C73" s="38"/>
      <c r="D73" s="39"/>
      <c r="E73" s="40"/>
      <c r="F73" s="39"/>
      <c r="G73" s="39"/>
      <c r="H73" s="39"/>
      <c r="I73" s="39"/>
      <c r="J73" s="39"/>
    </row>
    <row r="74" spans="1:10" ht="21.5" customHeight="1" x14ac:dyDescent="0.35">
      <c r="D74" s="39"/>
      <c r="E74" s="40"/>
      <c r="F74" s="39"/>
      <c r="G74" s="39"/>
    </row>
    <row r="75" spans="1:10" ht="21.5" customHeight="1" x14ac:dyDescent="0.35"/>
    <row r="76" spans="1:10" ht="21.5" customHeight="1" x14ac:dyDescent="0.35"/>
    <row r="77" spans="1:10" ht="21.5" customHeight="1" x14ac:dyDescent="0.35"/>
    <row r="78" spans="1:10" ht="21.5" customHeight="1" x14ac:dyDescent="0.35"/>
    <row r="79" spans="1:10" ht="21.5" customHeight="1" x14ac:dyDescent="0.35"/>
    <row r="80" spans="1:10" ht="21.5" customHeight="1" x14ac:dyDescent="0.35"/>
    <row r="81" ht="21.5" customHeight="1" x14ac:dyDescent="0.35"/>
    <row r="82" ht="21.5" customHeight="1" x14ac:dyDescent="0.35"/>
    <row r="83" ht="21.5" x14ac:dyDescent="0.35"/>
    <row r="84" ht="21.5" x14ac:dyDescent="0.35"/>
    <row r="85" ht="21.5" x14ac:dyDescent="0.35"/>
    <row r="86" ht="21.5" x14ac:dyDescent="0.35"/>
    <row r="87" ht="21.5" x14ac:dyDescent="0.35"/>
    <row r="88" ht="21.5" x14ac:dyDescent="0.35"/>
    <row r="89" ht="21.5" x14ac:dyDescent="0.35"/>
    <row r="90" ht="21.5" x14ac:dyDescent="0.35"/>
    <row r="91" ht="21.5" x14ac:dyDescent="0.35"/>
    <row r="92" ht="21.5" x14ac:dyDescent="0.35"/>
    <row r="93" ht="21.5" x14ac:dyDescent="0.35"/>
    <row r="94" ht="21.5" x14ac:dyDescent="0.35"/>
    <row r="95" ht="21.5" x14ac:dyDescent="0.35"/>
    <row r="96" ht="21.5" x14ac:dyDescent="0.35"/>
    <row r="97" ht="21.5" x14ac:dyDescent="0.35"/>
    <row r="98" ht="21.5" x14ac:dyDescent="0.35"/>
    <row r="99" ht="21.5" x14ac:dyDescent="0.35"/>
    <row r="100" ht="21.5" x14ac:dyDescent="0.35"/>
    <row r="101" ht="21.5" x14ac:dyDescent="0.35"/>
    <row r="102" ht="21.5" x14ac:dyDescent="0.35"/>
    <row r="103" ht="21.5" x14ac:dyDescent="0.35"/>
    <row r="104" ht="21.5" x14ac:dyDescent="0.35"/>
    <row r="105" ht="21.5" x14ac:dyDescent="0.35"/>
    <row r="106" ht="21.5" x14ac:dyDescent="0.35"/>
    <row r="107" ht="21.5" x14ac:dyDescent="0.35"/>
    <row r="108" ht="21.5" x14ac:dyDescent="0.35"/>
    <row r="109" ht="21.5" x14ac:dyDescent="0.35"/>
    <row r="110" ht="21.5" x14ac:dyDescent="0.35"/>
    <row r="111" ht="21.5" x14ac:dyDescent="0.35"/>
    <row r="112" ht="21.5" x14ac:dyDescent="0.35"/>
    <row r="113" ht="21.5" x14ac:dyDescent="0.35"/>
    <row r="114" ht="21.5" x14ac:dyDescent="0.35"/>
    <row r="115" ht="21.5" x14ac:dyDescent="0.35"/>
    <row r="116" ht="21.5" x14ac:dyDescent="0.35"/>
    <row r="117" ht="21.5" x14ac:dyDescent="0.35"/>
    <row r="118" ht="21.5" x14ac:dyDescent="0.35"/>
    <row r="119" ht="21.5" x14ac:dyDescent="0.35"/>
    <row r="120" ht="21.5" x14ac:dyDescent="0.35"/>
    <row r="121" ht="21.5" x14ac:dyDescent="0.35"/>
    <row r="122" ht="21.5" x14ac:dyDescent="0.35"/>
    <row r="123" ht="21.5" x14ac:dyDescent="0.35"/>
    <row r="124" ht="21.5" x14ac:dyDescent="0.35"/>
    <row r="125" ht="21.5" x14ac:dyDescent="0.35"/>
    <row r="126" ht="21.5" x14ac:dyDescent="0.35"/>
    <row r="127" ht="21.5" x14ac:dyDescent="0.35"/>
    <row r="128" ht="21.5" x14ac:dyDescent="0.35"/>
    <row r="129" ht="21.5" x14ac:dyDescent="0.35"/>
    <row r="130" ht="21.5" x14ac:dyDescent="0.35"/>
    <row r="131" ht="21.5" x14ac:dyDescent="0.35"/>
    <row r="132" ht="21.5" x14ac:dyDescent="0.35"/>
    <row r="133" ht="21.5" x14ac:dyDescent="0.35"/>
    <row r="134" ht="21.5" x14ac:dyDescent="0.35"/>
    <row r="135" ht="21.5" x14ac:dyDescent="0.35"/>
    <row r="136" ht="21.5" x14ac:dyDescent="0.35"/>
    <row r="137" ht="21.5" x14ac:dyDescent="0.35"/>
    <row r="138" ht="21.5" x14ac:dyDescent="0.35"/>
    <row r="139" ht="21.5" x14ac:dyDescent="0.35"/>
    <row r="140" ht="21.5" x14ac:dyDescent="0.35"/>
    <row r="141" ht="21.5" x14ac:dyDescent="0.35"/>
    <row r="142" ht="21.5" x14ac:dyDescent="0.35"/>
    <row r="143" ht="21.5" x14ac:dyDescent="0.35"/>
    <row r="144" ht="21.5" x14ac:dyDescent="0.35"/>
    <row r="145" ht="21.5" x14ac:dyDescent="0.35"/>
    <row r="146" ht="21.5" x14ac:dyDescent="0.35"/>
    <row r="147" ht="21.5" x14ac:dyDescent="0.35"/>
    <row r="148" ht="21.5" x14ac:dyDescent="0.35"/>
    <row r="149" ht="21.5" x14ac:dyDescent="0.35"/>
    <row r="150" ht="21.5" x14ac:dyDescent="0.35"/>
    <row r="151" ht="21.5" x14ac:dyDescent="0.35"/>
    <row r="152" ht="21.5" x14ac:dyDescent="0.35"/>
    <row r="153" ht="21.5" x14ac:dyDescent="0.35"/>
    <row r="154" ht="21.5" x14ac:dyDescent="0.35"/>
    <row r="155" ht="21.5" x14ac:dyDescent="0.35"/>
    <row r="156" ht="21.5" x14ac:dyDescent="0.35"/>
    <row r="157" ht="21.5" x14ac:dyDescent="0.35"/>
    <row r="158" ht="21.5" x14ac:dyDescent="0.35"/>
    <row r="159" ht="21.5" x14ac:dyDescent="0.35"/>
    <row r="160" ht="21.5" x14ac:dyDescent="0.35"/>
    <row r="161" ht="21.5" x14ac:dyDescent="0.35"/>
    <row r="162" ht="21.5" x14ac:dyDescent="0.35"/>
    <row r="163" ht="21.5" x14ac:dyDescent="0.35"/>
    <row r="164" ht="21.5" x14ac:dyDescent="0.35"/>
    <row r="165" ht="21.5" x14ac:dyDescent="0.35"/>
    <row r="166" ht="21.5" x14ac:dyDescent="0.35"/>
    <row r="167" ht="21.5" x14ac:dyDescent="0.35"/>
    <row r="168" ht="21.5" x14ac:dyDescent="0.35"/>
    <row r="169" ht="21.5" x14ac:dyDescent="0.35"/>
    <row r="170" ht="21.5" x14ac:dyDescent="0.35"/>
    <row r="171" ht="21.5" x14ac:dyDescent="0.35"/>
    <row r="172" ht="21.5" x14ac:dyDescent="0.35"/>
    <row r="173" ht="21.5" x14ac:dyDescent="0.35"/>
    <row r="174" ht="21.5" x14ac:dyDescent="0.35"/>
    <row r="175" ht="21.5" x14ac:dyDescent="0.35"/>
    <row r="176" ht="21.5" x14ac:dyDescent="0.35"/>
    <row r="177" ht="21.5" x14ac:dyDescent="0.35"/>
    <row r="178" ht="21.5" x14ac:dyDescent="0.35"/>
    <row r="179" ht="21.5" x14ac:dyDescent="0.35"/>
    <row r="180" ht="21.5" x14ac:dyDescent="0.35"/>
    <row r="181" ht="21.5" x14ac:dyDescent="0.35"/>
    <row r="182" ht="21.5" x14ac:dyDescent="0.35"/>
    <row r="183" ht="21.5" customHeight="1" x14ac:dyDescent="0.35"/>
    <row r="184" ht="21.5" customHeight="1" x14ac:dyDescent="0.35"/>
    <row r="185" ht="21.5" customHeight="1" x14ac:dyDescent="0.35"/>
    <row r="186" ht="21.5" customHeight="1" x14ac:dyDescent="0.35"/>
    <row r="187" ht="21.5" customHeight="1" x14ac:dyDescent="0.35"/>
    <row r="188" ht="21.5" customHeight="1" x14ac:dyDescent="0.35"/>
    <row r="189" ht="21.5" customHeight="1" x14ac:dyDescent="0.35"/>
    <row r="190" ht="21.5" customHeight="1" x14ac:dyDescent="0.35"/>
    <row r="191" ht="21.5" customHeight="1" x14ac:dyDescent="0.35"/>
    <row r="192" ht="21.5" customHeight="1" x14ac:dyDescent="0.35"/>
    <row r="193" ht="21.5" customHeight="1" x14ac:dyDescent="0.35"/>
    <row r="194" ht="21.5" customHeight="1" x14ac:dyDescent="0.35"/>
    <row r="195" ht="21.5" customHeight="1" x14ac:dyDescent="0.35"/>
    <row r="196" ht="21.5" customHeight="1" x14ac:dyDescent="0.35"/>
    <row r="197" ht="21.5" customHeight="1" x14ac:dyDescent="0.35"/>
    <row r="198" ht="21.5" customHeight="1" x14ac:dyDescent="0.35"/>
    <row r="199" ht="21.5" customHeight="1" x14ac:dyDescent="0.35"/>
    <row r="200" ht="21.5" customHeight="1" x14ac:dyDescent="0.35"/>
    <row r="201" ht="21.5" customHeight="1" x14ac:dyDescent="0.35"/>
    <row r="202" ht="21.5" customHeight="1" x14ac:dyDescent="0.35"/>
    <row r="203" ht="21.5" customHeight="1" x14ac:dyDescent="0.35"/>
    <row r="204" ht="21.5" customHeight="1" x14ac:dyDescent="0.35"/>
    <row r="205" ht="21.5" customHeight="1" x14ac:dyDescent="0.35"/>
    <row r="206" ht="21.5" customHeight="1" x14ac:dyDescent="0.35"/>
  </sheetData>
  <sheetProtection algorithmName="SHA-512" hashValue="AGQYLLkI3FIjt3rSzGiHaEF8yJb1QTwZDhO4Ttp51lkaG8+NfffytiBFV2p2Mup4qTtHbG+SYip/QZeJro6Big==" saltValue="b2o7SIvxeUhJxT7Najaklw==" spinCount="100000" sheet="1" objects="1" scenarios="1"/>
  <protectedRanges>
    <protectedRange sqref="F3" name="Supplier Name"/>
    <protectedRange sqref="I67:J73" name="Range1_1"/>
    <protectedRange sqref="H12:J60" name="Responses SQ"/>
  </protectedRanges>
  <autoFilter ref="B11:J60" xr:uid="{210F3480-FCCB-466C-B4A6-647D9926ABBD}"/>
  <dataValidations count="1">
    <dataValidation type="list" allowBlank="1" showInputMessage="1" showErrorMessage="1" sqref="H12:H13 H21:H59" xr:uid="{1E8B9A74-4790-43A6-9DD9-51EB4B2ED4BE}">
      <formula1>"Yes,No"</formula1>
    </dataValidation>
  </dataValidations>
  <pageMargins left="0.7" right="0.7" top="0.75" bottom="0.75" header="0.3" footer="0.3"/>
  <drawing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10F3480-FCCB-466C-B4A6-647D9926ABBD}">
  <dimension ref="A1:J207"/>
  <sheetViews>
    <sheetView showGridLines="0" topLeftCell="B1" zoomScale="55" zoomScaleNormal="55" workbookViewId="0">
      <selection activeCell="B9" sqref="B9"/>
    </sheetView>
  </sheetViews>
  <sheetFormatPr defaultColWidth="8.54296875" defaultRowHeight="0" customHeight="1" zeroHeight="1" x14ac:dyDescent="0.35"/>
  <cols>
    <col min="1" max="1" width="1.81640625" style="2" customWidth="1"/>
    <col min="2" max="2" width="12.54296875" style="2" customWidth="1"/>
    <col min="3" max="3" width="29.26953125" style="2" customWidth="1"/>
    <col min="4" max="4" width="120.453125" style="3" customWidth="1"/>
    <col min="5" max="5" width="20.54296875" style="3" customWidth="1"/>
    <col min="6" max="6" width="32.90625" style="6" customWidth="1"/>
    <col min="7" max="7" width="24" style="6" customWidth="1"/>
    <col min="8" max="8" width="17.26953125" style="3" customWidth="1"/>
    <col min="9" max="9" width="20.54296875" style="37" customWidth="1"/>
    <col min="10" max="10" width="30.6328125" style="37" customWidth="1"/>
    <col min="11" max="16384" width="8.54296875" style="13"/>
  </cols>
  <sheetData>
    <row r="1" spans="1:10" ht="21.5" x14ac:dyDescent="0.35">
      <c r="I1" s="12"/>
      <c r="J1" s="12"/>
    </row>
    <row r="2" spans="1:10" ht="27.5" x14ac:dyDescent="0.35">
      <c r="B2" s="4" t="s">
        <v>93</v>
      </c>
      <c r="C2" s="14"/>
      <c r="I2" s="12"/>
      <c r="J2" s="12"/>
    </row>
    <row r="3" spans="1:10" ht="23" x14ac:dyDescent="0.35">
      <c r="B3" s="5" t="s">
        <v>3</v>
      </c>
      <c r="C3" s="5"/>
      <c r="E3" s="15" t="s">
        <v>4</v>
      </c>
      <c r="F3" s="16" t="s">
        <v>5</v>
      </c>
      <c r="I3" s="12"/>
      <c r="J3" s="12"/>
    </row>
    <row r="4" spans="1:10" ht="8.25" customHeight="1" x14ac:dyDescent="0.35">
      <c r="A4" s="13"/>
      <c r="B4" s="5"/>
      <c r="C4" s="5"/>
      <c r="D4" s="18"/>
      <c r="E4" s="19"/>
      <c r="F4" s="17"/>
      <c r="G4" s="17"/>
      <c r="H4" s="20"/>
      <c r="I4" s="1"/>
      <c r="J4" s="1"/>
    </row>
    <row r="5" spans="1:10" ht="19.5" customHeight="1" x14ac:dyDescent="0.35">
      <c r="A5" s="13"/>
      <c r="B5" s="2" t="s">
        <v>6</v>
      </c>
      <c r="C5" s="5"/>
      <c r="D5" s="18"/>
      <c r="E5" s="19"/>
      <c r="F5" s="17"/>
      <c r="G5" s="17"/>
      <c r="H5" s="20"/>
      <c r="I5" s="1"/>
      <c r="J5" s="1"/>
    </row>
    <row r="6" spans="1:10" ht="19.5" customHeight="1" x14ac:dyDescent="0.35">
      <c r="A6" s="13"/>
      <c r="B6" s="2" t="s">
        <v>7</v>
      </c>
      <c r="C6" s="5"/>
      <c r="D6" s="18"/>
      <c r="E6" s="19"/>
      <c r="F6" s="17"/>
      <c r="G6" s="17"/>
      <c r="H6" s="20"/>
      <c r="I6" s="1"/>
      <c r="J6" s="1"/>
    </row>
    <row r="7" spans="1:10" ht="19.5" customHeight="1" x14ac:dyDescent="0.35">
      <c r="A7" s="13"/>
      <c r="B7" s="2" t="s">
        <v>95</v>
      </c>
      <c r="C7" s="5"/>
      <c r="D7" s="18"/>
      <c r="E7" s="19"/>
      <c r="F7" s="17"/>
      <c r="G7" s="17"/>
      <c r="H7" s="20"/>
      <c r="I7" s="1"/>
      <c r="J7" s="1"/>
    </row>
    <row r="8" spans="1:10" ht="19.5" customHeight="1" x14ac:dyDescent="0.35">
      <c r="A8" s="13"/>
      <c r="B8" s="2" t="s">
        <v>8</v>
      </c>
      <c r="C8" s="5"/>
      <c r="D8" s="18"/>
      <c r="E8" s="19"/>
      <c r="F8" s="17"/>
      <c r="G8" s="17"/>
      <c r="H8" s="20"/>
      <c r="I8" s="1"/>
      <c r="J8" s="1"/>
    </row>
    <row r="9" spans="1:10" ht="19.5" customHeight="1" x14ac:dyDescent="0.35">
      <c r="A9" s="13"/>
      <c r="B9" s="41" t="s">
        <v>100</v>
      </c>
      <c r="C9" s="5"/>
      <c r="D9" s="18"/>
      <c r="E9" s="19"/>
      <c r="F9" s="17"/>
      <c r="G9" s="17"/>
      <c r="H9" s="20"/>
      <c r="I9" s="1"/>
      <c r="J9" s="1"/>
    </row>
    <row r="10" spans="1:10" ht="6.75" customHeight="1" thickBot="1" x14ac:dyDescent="0.4">
      <c r="I10" s="12"/>
      <c r="J10" s="12"/>
    </row>
    <row r="11" spans="1:10" ht="43" x14ac:dyDescent="0.35">
      <c r="B11" s="21" t="s">
        <v>9</v>
      </c>
      <c r="C11" s="22" t="s">
        <v>10</v>
      </c>
      <c r="D11" s="22" t="s">
        <v>11</v>
      </c>
      <c r="E11" s="22" t="s">
        <v>12</v>
      </c>
      <c r="F11" s="22" t="s">
        <v>13</v>
      </c>
      <c r="G11" s="22" t="s">
        <v>14</v>
      </c>
      <c r="H11" s="22" t="s">
        <v>15</v>
      </c>
      <c r="I11" s="22" t="s">
        <v>16</v>
      </c>
      <c r="J11" s="22" t="s">
        <v>17</v>
      </c>
    </row>
    <row r="12" spans="1:10" ht="72.5" x14ac:dyDescent="0.35">
      <c r="B12" s="23">
        <v>1.1000000000000001</v>
      </c>
      <c r="C12" s="24" t="s">
        <v>18</v>
      </c>
      <c r="D12" s="25" t="s">
        <v>19</v>
      </c>
      <c r="E12" s="24" t="s">
        <v>20</v>
      </c>
      <c r="F12" s="24" t="s">
        <v>21</v>
      </c>
      <c r="G12" s="24"/>
      <c r="H12" s="26"/>
      <c r="I12" s="27"/>
      <c r="J12" s="27"/>
    </row>
    <row r="13" spans="1:10" ht="87" x14ac:dyDescent="0.35">
      <c r="B13" s="23">
        <v>1.2</v>
      </c>
      <c r="C13" s="24" t="s">
        <v>18</v>
      </c>
      <c r="D13" s="25" t="s">
        <v>22</v>
      </c>
      <c r="E13" s="28" t="s">
        <v>20</v>
      </c>
      <c r="F13" s="24" t="s">
        <v>21</v>
      </c>
      <c r="G13" s="24"/>
      <c r="H13" s="26"/>
      <c r="I13" s="27"/>
      <c r="J13" s="27"/>
    </row>
    <row r="14" spans="1:10" ht="21.5" x14ac:dyDescent="0.35">
      <c r="B14" s="23">
        <v>2.1</v>
      </c>
      <c r="C14" s="24" t="s">
        <v>23</v>
      </c>
      <c r="D14" s="25" t="s">
        <v>24</v>
      </c>
      <c r="E14" s="24" t="s">
        <v>92</v>
      </c>
      <c r="F14" s="24" t="s">
        <v>92</v>
      </c>
      <c r="G14" s="24"/>
      <c r="H14" s="26" t="s">
        <v>92</v>
      </c>
      <c r="I14" s="27"/>
      <c r="J14" s="27"/>
    </row>
    <row r="15" spans="1:10" ht="21.5" x14ac:dyDescent="0.35">
      <c r="B15" s="23">
        <v>2.2000000000000002</v>
      </c>
      <c r="C15" s="24" t="s">
        <v>23</v>
      </c>
      <c r="D15" s="25" t="s">
        <v>25</v>
      </c>
      <c r="E15" s="24" t="s">
        <v>92</v>
      </c>
      <c r="F15" s="24" t="s">
        <v>92</v>
      </c>
      <c r="G15" s="24"/>
      <c r="H15" s="26" t="s">
        <v>92</v>
      </c>
      <c r="I15" s="27"/>
      <c r="J15" s="27"/>
    </row>
    <row r="16" spans="1:10" ht="21.5" x14ac:dyDescent="0.35">
      <c r="B16" s="23">
        <v>2.2999999999999998</v>
      </c>
      <c r="C16" s="24" t="s">
        <v>23</v>
      </c>
      <c r="D16" s="25" t="s">
        <v>26</v>
      </c>
      <c r="E16" s="24" t="s">
        <v>91</v>
      </c>
      <c r="F16" s="24" t="s">
        <v>27</v>
      </c>
      <c r="G16" s="24"/>
      <c r="H16" s="26" t="s">
        <v>92</v>
      </c>
      <c r="I16" s="27"/>
      <c r="J16" s="27"/>
    </row>
    <row r="17" spans="2:10" ht="21.5" x14ac:dyDescent="0.35">
      <c r="B17" s="23">
        <v>2.4</v>
      </c>
      <c r="C17" s="24" t="s">
        <v>23</v>
      </c>
      <c r="D17" s="29" t="s">
        <v>28</v>
      </c>
      <c r="E17" s="24" t="s">
        <v>91</v>
      </c>
      <c r="F17" s="24" t="s">
        <v>27</v>
      </c>
      <c r="G17" s="24"/>
      <c r="H17" s="26" t="s">
        <v>92</v>
      </c>
      <c r="I17" s="27"/>
      <c r="J17" s="27"/>
    </row>
    <row r="18" spans="2:10" ht="21.5" x14ac:dyDescent="0.35">
      <c r="B18" s="23">
        <v>2.5</v>
      </c>
      <c r="C18" s="24" t="s">
        <v>23</v>
      </c>
      <c r="D18" s="29" t="s">
        <v>29</v>
      </c>
      <c r="E18" s="24" t="s">
        <v>91</v>
      </c>
      <c r="F18" s="24" t="s">
        <v>27</v>
      </c>
      <c r="G18" s="24"/>
      <c r="H18" s="26" t="s">
        <v>92</v>
      </c>
      <c r="I18" s="27"/>
      <c r="J18" s="27"/>
    </row>
    <row r="19" spans="2:10" ht="29" x14ac:dyDescent="0.35">
      <c r="B19" s="23">
        <v>2.6</v>
      </c>
      <c r="C19" s="24" t="s">
        <v>23</v>
      </c>
      <c r="D19" s="29" t="s">
        <v>30</v>
      </c>
      <c r="E19" s="24" t="s">
        <v>91</v>
      </c>
      <c r="F19" s="24" t="s">
        <v>27</v>
      </c>
      <c r="G19" s="24"/>
      <c r="H19" s="26" t="s">
        <v>92</v>
      </c>
      <c r="I19" s="27"/>
      <c r="J19" s="27"/>
    </row>
    <row r="20" spans="2:10" ht="21.5" x14ac:dyDescent="0.35">
      <c r="B20" s="23">
        <v>2.7</v>
      </c>
      <c r="C20" s="24" t="s">
        <v>23</v>
      </c>
      <c r="D20" s="29" t="s">
        <v>31</v>
      </c>
      <c r="E20" s="24" t="s">
        <v>91</v>
      </c>
      <c r="F20" s="24" t="s">
        <v>27</v>
      </c>
      <c r="G20" s="24"/>
      <c r="H20" s="26" t="s">
        <v>92</v>
      </c>
      <c r="I20" s="27"/>
      <c r="J20" s="27"/>
    </row>
    <row r="21" spans="2:10" ht="87" x14ac:dyDescent="0.35">
      <c r="B21" s="23">
        <v>3.1</v>
      </c>
      <c r="C21" s="24" t="s">
        <v>32</v>
      </c>
      <c r="D21" s="29" t="s">
        <v>33</v>
      </c>
      <c r="E21" s="24" t="s">
        <v>91</v>
      </c>
      <c r="F21" s="24" t="s">
        <v>27</v>
      </c>
      <c r="G21" s="24"/>
      <c r="H21" s="26"/>
      <c r="I21" s="27"/>
      <c r="J21" s="27"/>
    </row>
    <row r="22" spans="2:10" ht="58" x14ac:dyDescent="0.35">
      <c r="B22" s="23">
        <v>3.2</v>
      </c>
      <c r="C22" s="24" t="s">
        <v>32</v>
      </c>
      <c r="D22" s="29" t="s">
        <v>34</v>
      </c>
      <c r="E22" s="24" t="s">
        <v>91</v>
      </c>
      <c r="F22" s="24" t="s">
        <v>27</v>
      </c>
      <c r="G22" s="24"/>
      <c r="H22" s="26"/>
      <c r="I22" s="27"/>
      <c r="J22" s="27"/>
    </row>
    <row r="23" spans="2:10" ht="58" x14ac:dyDescent="0.35">
      <c r="B23" s="23">
        <v>3.3</v>
      </c>
      <c r="C23" s="24" t="s">
        <v>32</v>
      </c>
      <c r="D23" s="29" t="s">
        <v>35</v>
      </c>
      <c r="E23" s="24" t="s">
        <v>91</v>
      </c>
      <c r="F23" s="24" t="s">
        <v>27</v>
      </c>
      <c r="G23" s="24"/>
      <c r="H23" s="26"/>
      <c r="I23" s="27"/>
      <c r="J23" s="27"/>
    </row>
    <row r="24" spans="2:10" ht="409.5" x14ac:dyDescent="0.35">
      <c r="B24" s="23">
        <v>3.4</v>
      </c>
      <c r="C24" s="24" t="s">
        <v>32</v>
      </c>
      <c r="D24" s="29" t="s">
        <v>36</v>
      </c>
      <c r="E24" s="28" t="s">
        <v>20</v>
      </c>
      <c r="F24" s="24" t="s">
        <v>37</v>
      </c>
      <c r="G24" s="24"/>
      <c r="H24" s="26"/>
      <c r="I24" s="27"/>
      <c r="J24" s="27"/>
    </row>
    <row r="25" spans="2:10" ht="203" x14ac:dyDescent="0.35">
      <c r="B25" s="23">
        <v>4.0999999999999996</v>
      </c>
      <c r="C25" s="24" t="s">
        <v>38</v>
      </c>
      <c r="D25" s="29" t="s">
        <v>39</v>
      </c>
      <c r="E25" s="28" t="s">
        <v>20</v>
      </c>
      <c r="F25" s="24" t="s">
        <v>40</v>
      </c>
      <c r="G25" s="24"/>
      <c r="H25" s="26"/>
      <c r="I25" s="27"/>
      <c r="J25" s="27"/>
    </row>
    <row r="26" spans="2:10" ht="101.5" x14ac:dyDescent="0.35">
      <c r="B26" s="23">
        <v>4.2</v>
      </c>
      <c r="C26" s="24" t="s">
        <v>38</v>
      </c>
      <c r="D26" s="31" t="s">
        <v>41</v>
      </c>
      <c r="E26" s="28" t="s">
        <v>20</v>
      </c>
      <c r="F26" s="24" t="s">
        <v>42</v>
      </c>
      <c r="G26" s="24" t="s">
        <v>43</v>
      </c>
      <c r="H26" s="26"/>
      <c r="I26" s="27"/>
      <c r="J26" s="27"/>
    </row>
    <row r="27" spans="2:10" ht="29" x14ac:dyDescent="0.35">
      <c r="B27" s="23">
        <v>5.0999999999999996</v>
      </c>
      <c r="C27" s="24" t="s">
        <v>44</v>
      </c>
      <c r="D27" s="31" t="s">
        <v>45</v>
      </c>
      <c r="E27" s="24" t="s">
        <v>20</v>
      </c>
      <c r="F27" s="24" t="s">
        <v>21</v>
      </c>
      <c r="G27" s="24"/>
      <c r="H27" s="26"/>
      <c r="I27" s="27"/>
      <c r="J27" s="27"/>
    </row>
    <row r="28" spans="2:10" ht="43.5" x14ac:dyDescent="0.35">
      <c r="B28" s="23">
        <v>5.2</v>
      </c>
      <c r="C28" s="24" t="s">
        <v>44</v>
      </c>
      <c r="D28" s="31" t="s">
        <v>46</v>
      </c>
      <c r="E28" s="24" t="s">
        <v>20</v>
      </c>
      <c r="F28" s="24" t="s">
        <v>42</v>
      </c>
      <c r="G28" s="24" t="s">
        <v>43</v>
      </c>
      <c r="H28" s="26"/>
      <c r="I28" s="27"/>
      <c r="J28" s="27"/>
    </row>
    <row r="29" spans="2:10" ht="159.5" x14ac:dyDescent="0.35">
      <c r="B29" s="23">
        <v>5.3</v>
      </c>
      <c r="C29" s="24" t="s">
        <v>44</v>
      </c>
      <c r="D29" s="31" t="s">
        <v>47</v>
      </c>
      <c r="E29" s="24" t="s">
        <v>20</v>
      </c>
      <c r="F29" s="24" t="s">
        <v>48</v>
      </c>
      <c r="G29" s="24" t="s">
        <v>43</v>
      </c>
      <c r="H29" s="26"/>
      <c r="I29" s="27"/>
      <c r="J29" s="27"/>
    </row>
    <row r="30" spans="2:10" ht="29" x14ac:dyDescent="0.35">
      <c r="B30" s="23">
        <v>5.4</v>
      </c>
      <c r="C30" s="24" t="s">
        <v>44</v>
      </c>
      <c r="D30" s="31" t="s">
        <v>49</v>
      </c>
      <c r="E30" s="24" t="s">
        <v>20</v>
      </c>
      <c r="F30" s="24" t="s">
        <v>42</v>
      </c>
      <c r="G30" s="24" t="s">
        <v>43</v>
      </c>
      <c r="H30" s="26"/>
      <c r="I30" s="27"/>
      <c r="J30" s="27"/>
    </row>
    <row r="31" spans="2:10" ht="145" x14ac:dyDescent="0.35">
      <c r="B31" s="23">
        <v>5.5</v>
      </c>
      <c r="C31" s="24" t="s">
        <v>44</v>
      </c>
      <c r="D31" s="31" t="s">
        <v>50</v>
      </c>
      <c r="E31" s="24" t="s">
        <v>20</v>
      </c>
      <c r="F31" s="24" t="s">
        <v>51</v>
      </c>
      <c r="G31" s="24"/>
      <c r="H31" s="26"/>
      <c r="I31" s="27"/>
      <c r="J31" s="27"/>
    </row>
    <row r="32" spans="2:10" ht="21.5" x14ac:dyDescent="0.35">
      <c r="B32" s="23">
        <v>5.6</v>
      </c>
      <c r="C32" s="24" t="s">
        <v>44</v>
      </c>
      <c r="D32" s="31" t="s">
        <v>52</v>
      </c>
      <c r="E32" s="24" t="s">
        <v>20</v>
      </c>
      <c r="F32" s="24" t="s">
        <v>21</v>
      </c>
      <c r="G32" s="24"/>
      <c r="H32" s="26"/>
      <c r="I32" s="27"/>
      <c r="J32" s="27"/>
    </row>
    <row r="33" spans="1:10" ht="21.5" x14ac:dyDescent="0.35">
      <c r="B33" s="23">
        <v>5.7</v>
      </c>
      <c r="C33" s="24" t="s">
        <v>44</v>
      </c>
      <c r="D33" s="31" t="s">
        <v>53</v>
      </c>
      <c r="E33" s="24" t="s">
        <v>20</v>
      </c>
      <c r="F33" s="24" t="s">
        <v>21</v>
      </c>
      <c r="G33" s="24"/>
      <c r="H33" s="26"/>
      <c r="I33" s="27"/>
      <c r="J33" s="27"/>
    </row>
    <row r="34" spans="1:10" ht="43.5" x14ac:dyDescent="0.35">
      <c r="B34" s="23">
        <v>6.1</v>
      </c>
      <c r="C34" s="24" t="s">
        <v>54</v>
      </c>
      <c r="D34" s="31" t="s">
        <v>55</v>
      </c>
      <c r="E34" s="24" t="s">
        <v>20</v>
      </c>
      <c r="F34" s="24" t="s">
        <v>42</v>
      </c>
      <c r="G34" s="24" t="s">
        <v>43</v>
      </c>
      <c r="H34" s="26"/>
      <c r="I34" s="27"/>
      <c r="J34" s="27"/>
    </row>
    <row r="35" spans="1:10" ht="58" x14ac:dyDescent="0.35">
      <c r="B35" s="23">
        <v>6.2</v>
      </c>
      <c r="C35" s="24" t="s">
        <v>54</v>
      </c>
      <c r="D35" s="31" t="s">
        <v>56</v>
      </c>
      <c r="E35" s="24" t="s">
        <v>20</v>
      </c>
      <c r="F35" s="24" t="s">
        <v>57</v>
      </c>
      <c r="G35" s="24"/>
      <c r="H35" s="26"/>
      <c r="I35" s="27"/>
      <c r="J35" s="27"/>
    </row>
    <row r="36" spans="1:10" ht="409.5" x14ac:dyDescent="0.35">
      <c r="B36" s="23">
        <v>6.3</v>
      </c>
      <c r="C36" s="24" t="s">
        <v>54</v>
      </c>
      <c r="D36" s="31" t="s">
        <v>58</v>
      </c>
      <c r="E36" s="28" t="s">
        <v>20</v>
      </c>
      <c r="F36" s="24" t="s">
        <v>59</v>
      </c>
      <c r="G36" s="24"/>
      <c r="H36" s="26"/>
      <c r="I36" s="27"/>
      <c r="J36" s="27"/>
    </row>
    <row r="37" spans="1:10" ht="409.5" x14ac:dyDescent="0.35">
      <c r="B37" s="23">
        <v>6.4</v>
      </c>
      <c r="C37" s="24" t="s">
        <v>54</v>
      </c>
      <c r="D37" s="31" t="s">
        <v>60</v>
      </c>
      <c r="E37" s="28" t="s">
        <v>20</v>
      </c>
      <c r="F37" s="24" t="s">
        <v>61</v>
      </c>
      <c r="G37" s="24"/>
      <c r="H37" s="26"/>
      <c r="I37" s="27"/>
      <c r="J37" s="27"/>
    </row>
    <row r="38" spans="1:10" ht="409.5" x14ac:dyDescent="0.35">
      <c r="B38" s="23">
        <v>6.5</v>
      </c>
      <c r="C38" s="24" t="s">
        <v>54</v>
      </c>
      <c r="D38" s="31" t="s">
        <v>62</v>
      </c>
      <c r="E38" s="28" t="s">
        <v>20</v>
      </c>
      <c r="F38" s="24" t="s">
        <v>63</v>
      </c>
      <c r="G38" s="24"/>
      <c r="H38" s="26"/>
      <c r="I38" s="27"/>
      <c r="J38" s="27"/>
    </row>
    <row r="39" spans="1:10" ht="159.5" x14ac:dyDescent="0.35">
      <c r="B39" s="23">
        <v>7.1</v>
      </c>
      <c r="C39" s="24" t="s">
        <v>64</v>
      </c>
      <c r="D39" s="31" t="s">
        <v>65</v>
      </c>
      <c r="E39" s="24" t="s">
        <v>20</v>
      </c>
      <c r="F39" s="24" t="s">
        <v>21</v>
      </c>
      <c r="G39" s="24"/>
      <c r="H39" s="26"/>
      <c r="I39" s="27"/>
      <c r="J39" s="27"/>
    </row>
    <row r="40" spans="1:10" ht="203" x14ac:dyDescent="0.35">
      <c r="B40" s="23">
        <v>7.2</v>
      </c>
      <c r="C40" s="24" t="s">
        <v>64</v>
      </c>
      <c r="D40" s="31" t="s">
        <v>66</v>
      </c>
      <c r="E40" s="24" t="s">
        <v>20</v>
      </c>
      <c r="F40" s="24" t="s">
        <v>21</v>
      </c>
      <c r="G40" s="24"/>
      <c r="H40" s="26"/>
      <c r="I40" s="27"/>
      <c r="J40" s="27"/>
    </row>
    <row r="41" spans="1:10" ht="159.5" x14ac:dyDescent="0.35">
      <c r="B41" s="23">
        <v>7.3</v>
      </c>
      <c r="C41" s="24" t="s">
        <v>64</v>
      </c>
      <c r="D41" s="31" t="s">
        <v>67</v>
      </c>
      <c r="E41" s="24" t="s">
        <v>20</v>
      </c>
      <c r="F41" s="24" t="s">
        <v>68</v>
      </c>
      <c r="G41" s="24"/>
      <c r="H41" s="26"/>
      <c r="I41" s="27"/>
      <c r="J41" s="27"/>
    </row>
    <row r="42" spans="1:10" ht="21.5" x14ac:dyDescent="0.35">
      <c r="B42" s="23">
        <v>7.4</v>
      </c>
      <c r="C42" s="24" t="s">
        <v>64</v>
      </c>
      <c r="D42" s="31" t="s">
        <v>69</v>
      </c>
      <c r="E42" s="24" t="s">
        <v>20</v>
      </c>
      <c r="F42" s="24" t="s">
        <v>37</v>
      </c>
      <c r="G42" s="24"/>
      <c r="H42" s="26"/>
      <c r="I42" s="27"/>
      <c r="J42" s="27"/>
    </row>
    <row r="43" spans="1:10" ht="29" x14ac:dyDescent="0.35">
      <c r="B43" s="23">
        <v>7.5</v>
      </c>
      <c r="C43" s="24" t="s">
        <v>64</v>
      </c>
      <c r="D43" s="31" t="s">
        <v>70</v>
      </c>
      <c r="E43" s="24" t="s">
        <v>20</v>
      </c>
      <c r="F43" s="24" t="s">
        <v>21</v>
      </c>
      <c r="G43" s="24"/>
      <c r="H43" s="26"/>
      <c r="I43" s="27"/>
      <c r="J43" s="27"/>
    </row>
    <row r="44" spans="1:10" ht="29" x14ac:dyDescent="0.35">
      <c r="B44" s="23">
        <v>7.6</v>
      </c>
      <c r="C44" s="24" t="s">
        <v>64</v>
      </c>
      <c r="D44" s="31" t="s">
        <v>71</v>
      </c>
      <c r="E44" s="24" t="s">
        <v>20</v>
      </c>
      <c r="F44" s="24" t="s">
        <v>21</v>
      </c>
      <c r="G44" s="24"/>
      <c r="H44" s="26"/>
      <c r="I44" s="27"/>
      <c r="J44" s="27"/>
    </row>
    <row r="45" spans="1:10" ht="101.5" x14ac:dyDescent="0.35">
      <c r="B45" s="23">
        <v>7.7</v>
      </c>
      <c r="C45" s="24" t="s">
        <v>64</v>
      </c>
      <c r="D45" s="31" t="s">
        <v>72</v>
      </c>
      <c r="E45" s="24" t="s">
        <v>20</v>
      </c>
      <c r="F45" s="24" t="s">
        <v>73</v>
      </c>
      <c r="G45" s="24"/>
      <c r="H45" s="26"/>
      <c r="I45" s="27"/>
      <c r="J45" s="27"/>
    </row>
    <row r="46" spans="1:10" ht="101.5" x14ac:dyDescent="0.35">
      <c r="B46" s="23">
        <v>8.1</v>
      </c>
      <c r="C46" s="24" t="s">
        <v>74</v>
      </c>
      <c r="D46" s="31" t="s">
        <v>75</v>
      </c>
      <c r="E46" s="24" t="s">
        <v>20</v>
      </c>
      <c r="F46" s="24" t="s">
        <v>42</v>
      </c>
      <c r="G46" s="24" t="s">
        <v>43</v>
      </c>
      <c r="H46" s="26"/>
      <c r="I46" s="27"/>
      <c r="J46" s="27"/>
    </row>
    <row r="47" spans="1:10" ht="43.5" x14ac:dyDescent="0.35">
      <c r="A47" s="13"/>
      <c r="B47" s="23">
        <v>9.1</v>
      </c>
      <c r="C47" s="24" t="s">
        <v>76</v>
      </c>
      <c r="D47" s="31" t="s">
        <v>77</v>
      </c>
      <c r="E47" s="24" t="s">
        <v>20</v>
      </c>
      <c r="F47" s="24" t="s">
        <v>42</v>
      </c>
      <c r="G47" s="24" t="s">
        <v>43</v>
      </c>
      <c r="H47" s="26"/>
      <c r="I47" s="27"/>
      <c r="J47" s="27"/>
    </row>
    <row r="48" spans="1:10" ht="58" x14ac:dyDescent="0.35">
      <c r="A48" s="13"/>
      <c r="B48" s="23">
        <v>9.1999999999999993</v>
      </c>
      <c r="C48" s="24" t="s">
        <v>76</v>
      </c>
      <c r="D48" s="31" t="s">
        <v>78</v>
      </c>
      <c r="E48" s="24" t="s">
        <v>20</v>
      </c>
      <c r="F48" s="24" t="s">
        <v>42</v>
      </c>
      <c r="G48" s="24" t="s">
        <v>43</v>
      </c>
      <c r="H48" s="26"/>
      <c r="I48" s="27"/>
      <c r="J48" s="27"/>
    </row>
    <row r="49" spans="1:10" ht="21.5" x14ac:dyDescent="0.35">
      <c r="A49" s="13"/>
      <c r="B49" s="23">
        <v>9.3000000000000007</v>
      </c>
      <c r="C49" s="24" t="s">
        <v>76</v>
      </c>
      <c r="D49" s="31" t="s">
        <v>79</v>
      </c>
      <c r="E49" s="24" t="s">
        <v>20</v>
      </c>
      <c r="F49" s="24" t="s">
        <v>21</v>
      </c>
      <c r="G49" s="24"/>
      <c r="H49" s="26"/>
      <c r="I49" s="27"/>
      <c r="J49" s="27"/>
    </row>
    <row r="50" spans="1:10" ht="159.5" x14ac:dyDescent="0.35">
      <c r="B50" s="23">
        <v>10.1</v>
      </c>
      <c r="C50" s="24" t="s">
        <v>80</v>
      </c>
      <c r="D50" s="31" t="s">
        <v>81</v>
      </c>
      <c r="E50" s="24" t="s">
        <v>20</v>
      </c>
      <c r="F50" s="24" t="s">
        <v>42</v>
      </c>
      <c r="G50" s="24" t="s">
        <v>43</v>
      </c>
      <c r="H50" s="26"/>
      <c r="I50" s="27"/>
      <c r="J50" s="27"/>
    </row>
    <row r="51" spans="1:10" ht="159.5" x14ac:dyDescent="0.35">
      <c r="B51" s="23">
        <v>10.199999999999999</v>
      </c>
      <c r="C51" s="24" t="s">
        <v>80</v>
      </c>
      <c r="D51" s="31" t="s">
        <v>82</v>
      </c>
      <c r="E51" s="24" t="s">
        <v>20</v>
      </c>
      <c r="F51" s="24" t="s">
        <v>42</v>
      </c>
      <c r="G51" s="24" t="s">
        <v>43</v>
      </c>
      <c r="H51" s="26"/>
      <c r="I51" s="27"/>
      <c r="J51" s="27"/>
    </row>
    <row r="52" spans="1:10" ht="21.5" x14ac:dyDescent="0.35">
      <c r="B52" s="30">
        <v>11.1</v>
      </c>
      <c r="C52" s="28" t="s">
        <v>83</v>
      </c>
      <c r="D52" s="32" t="s">
        <v>84</v>
      </c>
      <c r="E52" s="24" t="s">
        <v>20</v>
      </c>
      <c r="F52" s="24" t="s">
        <v>21</v>
      </c>
      <c r="G52" s="24"/>
      <c r="H52" s="26"/>
      <c r="I52" s="27"/>
      <c r="J52" s="27"/>
    </row>
    <row r="53" spans="1:10" ht="21.5" x14ac:dyDescent="0.35">
      <c r="B53" s="30">
        <v>11.2</v>
      </c>
      <c r="C53" s="28" t="s">
        <v>83</v>
      </c>
      <c r="D53" s="32" t="s">
        <v>85</v>
      </c>
      <c r="E53" s="24" t="s">
        <v>20</v>
      </c>
      <c r="F53" s="24" t="s">
        <v>21</v>
      </c>
      <c r="G53" s="24"/>
      <c r="H53" s="26"/>
      <c r="I53" s="27"/>
      <c r="J53" s="27"/>
    </row>
    <row r="54" spans="1:10" ht="29" x14ac:dyDescent="0.35">
      <c r="A54" s="13"/>
      <c r="B54" s="30">
        <v>11.3</v>
      </c>
      <c r="C54" s="28" t="s">
        <v>83</v>
      </c>
      <c r="D54" s="32" t="s">
        <v>86</v>
      </c>
      <c r="E54" s="24" t="s">
        <v>20</v>
      </c>
      <c r="F54" s="24" t="s">
        <v>21</v>
      </c>
      <c r="G54" s="24"/>
      <c r="H54" s="26"/>
      <c r="I54" s="27"/>
      <c r="J54" s="27"/>
    </row>
    <row r="55" spans="1:10" s="1" customFormat="1" ht="14.5" x14ac:dyDescent="0.35">
      <c r="A55" s="12"/>
      <c r="B55" s="30">
        <v>11.4</v>
      </c>
      <c r="C55" s="33" t="s">
        <v>83</v>
      </c>
      <c r="D55" s="34" t="s">
        <v>87</v>
      </c>
      <c r="E55" s="35" t="s">
        <v>20</v>
      </c>
      <c r="F55" s="24" t="s">
        <v>21</v>
      </c>
      <c r="G55" s="36"/>
      <c r="H55" s="26"/>
      <c r="I55" s="27"/>
      <c r="J55" s="27"/>
    </row>
    <row r="56" spans="1:10" ht="21.5" x14ac:dyDescent="0.35">
      <c r="B56" s="30">
        <v>11.5</v>
      </c>
      <c r="C56" s="28" t="s">
        <v>83</v>
      </c>
      <c r="D56" s="32" t="s">
        <v>88</v>
      </c>
      <c r="E56" s="24" t="s">
        <v>20</v>
      </c>
      <c r="F56" s="24" t="s">
        <v>21</v>
      </c>
      <c r="G56" s="24"/>
      <c r="H56" s="26"/>
      <c r="I56" s="27"/>
      <c r="J56" s="27"/>
    </row>
    <row r="57" spans="1:10" ht="29" x14ac:dyDescent="0.35">
      <c r="B57" s="30">
        <v>11.6</v>
      </c>
      <c r="C57" s="28" t="s">
        <v>83</v>
      </c>
      <c r="D57" s="32" t="s">
        <v>98</v>
      </c>
      <c r="E57" s="24" t="s">
        <v>20</v>
      </c>
      <c r="F57" s="24" t="s">
        <v>21</v>
      </c>
      <c r="G57" s="28"/>
      <c r="H57" s="26"/>
      <c r="I57" s="27"/>
      <c r="J57" s="27"/>
    </row>
    <row r="58" spans="1:10" ht="34.5" customHeight="1" x14ac:dyDescent="0.35">
      <c r="B58" s="30">
        <v>11.7</v>
      </c>
      <c r="C58" s="28" t="s">
        <v>83</v>
      </c>
      <c r="D58" s="32" t="s">
        <v>89</v>
      </c>
      <c r="E58" s="24" t="s">
        <v>20</v>
      </c>
      <c r="F58" s="24" t="s">
        <v>21</v>
      </c>
      <c r="G58" s="28"/>
      <c r="H58" s="26"/>
      <c r="I58" s="27"/>
      <c r="J58" s="27"/>
    </row>
    <row r="59" spans="1:10" ht="32.5" customHeight="1" x14ac:dyDescent="0.35">
      <c r="A59" s="13"/>
      <c r="B59" s="30">
        <v>11.8</v>
      </c>
      <c r="C59" s="28" t="s">
        <v>83</v>
      </c>
      <c r="D59" s="32" t="s">
        <v>97</v>
      </c>
      <c r="E59" s="24" t="s">
        <v>20</v>
      </c>
      <c r="F59" s="24" t="s">
        <v>21</v>
      </c>
      <c r="G59" s="24"/>
      <c r="H59" s="26"/>
      <c r="I59" s="27"/>
      <c r="J59" s="27"/>
    </row>
    <row r="60" spans="1:10" ht="21.5" x14ac:dyDescent="0.35">
      <c r="B60" s="30">
        <v>11.9</v>
      </c>
      <c r="C60" s="28" t="s">
        <v>83</v>
      </c>
      <c r="D60" s="32" t="s">
        <v>99</v>
      </c>
      <c r="E60" s="24" t="s">
        <v>20</v>
      </c>
      <c r="F60" s="24" t="s">
        <v>21</v>
      </c>
      <c r="G60" s="28"/>
      <c r="H60" s="26"/>
      <c r="I60" s="27"/>
      <c r="J60" s="27"/>
    </row>
    <row r="61" spans="1:10" ht="188.5" x14ac:dyDescent="0.35">
      <c r="B61" s="30">
        <v>12.1</v>
      </c>
      <c r="C61" s="28" t="s">
        <v>90</v>
      </c>
      <c r="D61" s="32" t="s">
        <v>96</v>
      </c>
      <c r="E61" s="24" t="s">
        <v>91</v>
      </c>
      <c r="F61" s="24" t="s">
        <v>92</v>
      </c>
      <c r="G61" s="28"/>
      <c r="H61" s="26" t="s">
        <v>92</v>
      </c>
      <c r="I61" s="27"/>
      <c r="J61" s="27"/>
    </row>
    <row r="62" spans="1:10" ht="21.5" customHeight="1" x14ac:dyDescent="0.35"/>
    <row r="63" spans="1:10" ht="21.5" customHeight="1" x14ac:dyDescent="0.35"/>
    <row r="64" spans="1:10" ht="21.5" customHeight="1" x14ac:dyDescent="0.35"/>
    <row r="65" spans="1:10" ht="21.5" customHeight="1" x14ac:dyDescent="0.35"/>
    <row r="66" spans="1:10" ht="21.5" customHeight="1" x14ac:dyDescent="0.35"/>
    <row r="67" spans="1:10" ht="21.5" customHeight="1" x14ac:dyDescent="0.35"/>
    <row r="68" spans="1:10" ht="21.5" customHeight="1" x14ac:dyDescent="0.35">
      <c r="A68" s="13"/>
      <c r="B68" s="38"/>
      <c r="C68" s="38"/>
      <c r="H68" s="39"/>
      <c r="I68" s="39"/>
      <c r="J68" s="39"/>
    </row>
    <row r="69" spans="1:10" ht="21.5" customHeight="1" x14ac:dyDescent="0.35">
      <c r="A69" s="13"/>
      <c r="B69" s="38"/>
      <c r="C69" s="38"/>
      <c r="D69" s="39"/>
      <c r="E69" s="40"/>
      <c r="F69" s="39"/>
      <c r="G69" s="39"/>
      <c r="H69" s="39"/>
      <c r="I69" s="39"/>
      <c r="J69" s="39"/>
    </row>
    <row r="70" spans="1:10" ht="21.5" customHeight="1" x14ac:dyDescent="0.35">
      <c r="A70" s="13"/>
      <c r="B70" s="38"/>
      <c r="C70" s="38"/>
      <c r="D70" s="39"/>
      <c r="E70" s="40"/>
      <c r="F70" s="39"/>
      <c r="G70" s="39"/>
      <c r="H70" s="39"/>
      <c r="I70" s="39"/>
      <c r="J70" s="39"/>
    </row>
    <row r="71" spans="1:10" ht="21.5" customHeight="1" x14ac:dyDescent="0.35">
      <c r="A71" s="13"/>
      <c r="B71" s="38"/>
      <c r="C71" s="38"/>
      <c r="D71" s="39"/>
      <c r="E71" s="40"/>
      <c r="F71" s="39"/>
      <c r="G71" s="39"/>
      <c r="H71" s="39"/>
      <c r="I71" s="39"/>
      <c r="J71" s="39"/>
    </row>
    <row r="72" spans="1:10" ht="21.5" customHeight="1" x14ac:dyDescent="0.35">
      <c r="A72" s="13"/>
      <c r="B72" s="38"/>
      <c r="C72" s="38"/>
      <c r="D72" s="39"/>
      <c r="E72" s="40"/>
      <c r="F72" s="39"/>
      <c r="G72" s="39"/>
      <c r="H72" s="39"/>
      <c r="I72" s="39"/>
      <c r="J72" s="39"/>
    </row>
    <row r="73" spans="1:10" ht="21.5" customHeight="1" x14ac:dyDescent="0.35">
      <c r="A73" s="13"/>
      <c r="B73" s="38"/>
      <c r="C73" s="38"/>
      <c r="D73" s="39"/>
      <c r="E73" s="40"/>
      <c r="F73" s="39"/>
      <c r="G73" s="39"/>
      <c r="H73" s="39"/>
      <c r="I73" s="39"/>
      <c r="J73" s="39"/>
    </row>
    <row r="74" spans="1:10" ht="21.5" customHeight="1" x14ac:dyDescent="0.35">
      <c r="A74" s="13"/>
      <c r="B74" s="38"/>
      <c r="C74" s="38"/>
      <c r="D74" s="39"/>
      <c r="E74" s="40"/>
      <c r="F74" s="39"/>
      <c r="G74" s="39"/>
      <c r="H74" s="39"/>
      <c r="I74" s="39"/>
      <c r="J74" s="39"/>
    </row>
    <row r="75" spans="1:10" ht="21.5" customHeight="1" x14ac:dyDescent="0.35">
      <c r="D75" s="39"/>
      <c r="E75" s="40"/>
      <c r="F75" s="39"/>
      <c r="G75" s="39"/>
    </row>
    <row r="76" spans="1:10" ht="21.5" customHeight="1" x14ac:dyDescent="0.35"/>
    <row r="77" spans="1:10" ht="21.5" customHeight="1" x14ac:dyDescent="0.35"/>
    <row r="78" spans="1:10" ht="21.5" customHeight="1" x14ac:dyDescent="0.35"/>
    <row r="79" spans="1:10" ht="21.5" customHeight="1" x14ac:dyDescent="0.35"/>
    <row r="80" spans="1:10" ht="21.5" customHeight="1" x14ac:dyDescent="0.35"/>
    <row r="81" ht="21.5" customHeight="1" x14ac:dyDescent="0.35"/>
    <row r="82" ht="21.5" customHeight="1" x14ac:dyDescent="0.35"/>
    <row r="83" ht="21.5" customHeight="1" x14ac:dyDescent="0.35"/>
    <row r="84" ht="21.5" x14ac:dyDescent="0.35"/>
    <row r="85" ht="21.5" x14ac:dyDescent="0.35"/>
    <row r="86" ht="21.5" x14ac:dyDescent="0.35"/>
    <row r="87" ht="21.5" x14ac:dyDescent="0.35"/>
    <row r="88" ht="21.5" x14ac:dyDescent="0.35"/>
    <row r="89" ht="21.5" x14ac:dyDescent="0.35"/>
    <row r="90" ht="21.5" x14ac:dyDescent="0.35"/>
    <row r="91" ht="21.5" x14ac:dyDescent="0.35"/>
    <row r="92" ht="21.5" x14ac:dyDescent="0.35"/>
    <row r="93" ht="21.5" x14ac:dyDescent="0.35"/>
    <row r="94" ht="21.5" x14ac:dyDescent="0.35"/>
    <row r="95" ht="21.5" x14ac:dyDescent="0.35"/>
    <row r="96" ht="21.5" x14ac:dyDescent="0.35"/>
    <row r="97" ht="21.5" x14ac:dyDescent="0.35"/>
    <row r="98" ht="21.5" x14ac:dyDescent="0.35"/>
    <row r="99" ht="21.5" x14ac:dyDescent="0.35"/>
    <row r="100" ht="21.5" x14ac:dyDescent="0.35"/>
    <row r="101" ht="21.5" x14ac:dyDescent="0.35"/>
    <row r="102" ht="21.5" x14ac:dyDescent="0.35"/>
    <row r="103" ht="21.5" x14ac:dyDescent="0.35"/>
    <row r="104" ht="21.5" x14ac:dyDescent="0.35"/>
    <row r="105" ht="21.5" x14ac:dyDescent="0.35"/>
    <row r="106" ht="21.5" x14ac:dyDescent="0.35"/>
    <row r="107" ht="21.5" x14ac:dyDescent="0.35"/>
    <row r="108" ht="21.5" x14ac:dyDescent="0.35"/>
    <row r="109" ht="21.5" x14ac:dyDescent="0.35"/>
    <row r="110" ht="21.5" x14ac:dyDescent="0.35"/>
    <row r="111" ht="21.5" x14ac:dyDescent="0.35"/>
    <row r="112" ht="21.5" x14ac:dyDescent="0.35"/>
    <row r="113" ht="21.5" x14ac:dyDescent="0.35"/>
    <row r="114" ht="21.5" x14ac:dyDescent="0.35"/>
    <row r="115" ht="21.5" x14ac:dyDescent="0.35"/>
    <row r="116" ht="21.5" x14ac:dyDescent="0.35"/>
    <row r="117" ht="21.5" x14ac:dyDescent="0.35"/>
    <row r="118" ht="21.5" x14ac:dyDescent="0.35"/>
    <row r="119" ht="21.5" x14ac:dyDescent="0.35"/>
    <row r="120" ht="21.5" x14ac:dyDescent="0.35"/>
    <row r="121" ht="21.5" x14ac:dyDescent="0.35"/>
    <row r="122" ht="21.5" x14ac:dyDescent="0.35"/>
    <row r="123" ht="21.5" x14ac:dyDescent="0.35"/>
    <row r="124" ht="21.5" x14ac:dyDescent="0.35"/>
    <row r="125" ht="21.5" x14ac:dyDescent="0.35"/>
    <row r="126" ht="21.5" x14ac:dyDescent="0.35"/>
    <row r="127" ht="21.5" x14ac:dyDescent="0.35"/>
    <row r="128" ht="21.5" x14ac:dyDescent="0.35"/>
    <row r="129" ht="21.5" x14ac:dyDescent="0.35"/>
    <row r="130" ht="21.5" x14ac:dyDescent="0.35"/>
    <row r="131" ht="21.5" x14ac:dyDescent="0.35"/>
    <row r="132" ht="21.5" x14ac:dyDescent="0.35"/>
    <row r="133" ht="21.5" x14ac:dyDescent="0.35"/>
    <row r="134" ht="21.5" x14ac:dyDescent="0.35"/>
    <row r="135" ht="21.5" x14ac:dyDescent="0.35"/>
    <row r="136" ht="21.5" x14ac:dyDescent="0.35"/>
    <row r="137" ht="21.5" x14ac:dyDescent="0.35"/>
    <row r="138" ht="21.5" x14ac:dyDescent="0.35"/>
    <row r="139" ht="21.5" x14ac:dyDescent="0.35"/>
    <row r="140" ht="21.5" x14ac:dyDescent="0.35"/>
    <row r="141" ht="21.5" x14ac:dyDescent="0.35"/>
    <row r="142" ht="21.5" x14ac:dyDescent="0.35"/>
    <row r="143" ht="21.5" x14ac:dyDescent="0.35"/>
    <row r="144" ht="21.5" x14ac:dyDescent="0.35"/>
    <row r="145" ht="21.5" x14ac:dyDescent="0.35"/>
    <row r="146" ht="21.5" x14ac:dyDescent="0.35"/>
    <row r="147" ht="21.5" x14ac:dyDescent="0.35"/>
    <row r="148" ht="21.5" x14ac:dyDescent="0.35"/>
    <row r="149" ht="21.5" x14ac:dyDescent="0.35"/>
    <row r="150" ht="21.5" x14ac:dyDescent="0.35"/>
    <row r="151" ht="21.5" x14ac:dyDescent="0.35"/>
    <row r="152" ht="21.5" x14ac:dyDescent="0.35"/>
    <row r="153" ht="21.5" x14ac:dyDescent="0.35"/>
    <row r="154" ht="21.5" x14ac:dyDescent="0.35"/>
    <row r="155" ht="21.5" x14ac:dyDescent="0.35"/>
    <row r="156" ht="21.5" x14ac:dyDescent="0.35"/>
    <row r="157" ht="21.5" x14ac:dyDescent="0.35"/>
    <row r="158" ht="21.5" x14ac:dyDescent="0.35"/>
    <row r="159" ht="21.5" x14ac:dyDescent="0.35"/>
    <row r="160" ht="21.5" x14ac:dyDescent="0.35"/>
    <row r="161" ht="21.5" x14ac:dyDescent="0.35"/>
    <row r="162" ht="21.5" x14ac:dyDescent="0.35"/>
    <row r="163" ht="21.5" x14ac:dyDescent="0.35"/>
    <row r="164" ht="21.5" x14ac:dyDescent="0.35"/>
    <row r="165" ht="21.5" x14ac:dyDescent="0.35"/>
    <row r="166" ht="21.5" x14ac:dyDescent="0.35"/>
    <row r="167" ht="21.5" x14ac:dyDescent="0.35"/>
    <row r="168" ht="21.5" x14ac:dyDescent="0.35"/>
    <row r="169" ht="21.5" x14ac:dyDescent="0.35"/>
    <row r="170" ht="21.5" x14ac:dyDescent="0.35"/>
    <row r="171" ht="21.5" x14ac:dyDescent="0.35"/>
    <row r="172" ht="21.5" x14ac:dyDescent="0.35"/>
    <row r="173" ht="21.5" x14ac:dyDescent="0.35"/>
    <row r="174" ht="21.5" x14ac:dyDescent="0.35"/>
    <row r="175" ht="21.5" x14ac:dyDescent="0.35"/>
    <row r="176" ht="21.5" x14ac:dyDescent="0.35"/>
    <row r="177" ht="21.5" x14ac:dyDescent="0.35"/>
    <row r="178" ht="21.5" x14ac:dyDescent="0.35"/>
    <row r="179" ht="21.5" x14ac:dyDescent="0.35"/>
    <row r="180" ht="21.5" x14ac:dyDescent="0.35"/>
    <row r="181" ht="21.5" x14ac:dyDescent="0.35"/>
    <row r="182" ht="21.5" x14ac:dyDescent="0.35"/>
    <row r="183" ht="21.5" x14ac:dyDescent="0.35"/>
    <row r="184" ht="21.5" customHeight="1" x14ac:dyDescent="0.35"/>
    <row r="185" ht="21.5" customHeight="1" x14ac:dyDescent="0.35"/>
    <row r="186" ht="21.5" customHeight="1" x14ac:dyDescent="0.35"/>
    <row r="187" ht="21.5" customHeight="1" x14ac:dyDescent="0.35"/>
    <row r="188" ht="21.5" customHeight="1" x14ac:dyDescent="0.35"/>
    <row r="189" ht="21.5" customHeight="1" x14ac:dyDescent="0.35"/>
    <row r="190" ht="21.5" customHeight="1" x14ac:dyDescent="0.35"/>
    <row r="191" ht="21.5" customHeight="1" x14ac:dyDescent="0.35"/>
    <row r="192" ht="21.5" customHeight="1" x14ac:dyDescent="0.35"/>
    <row r="193" ht="21.5" customHeight="1" x14ac:dyDescent="0.35"/>
    <row r="194" ht="21.5" customHeight="1" x14ac:dyDescent="0.35"/>
    <row r="195" ht="21.5" customHeight="1" x14ac:dyDescent="0.35"/>
    <row r="196" ht="21.5" customHeight="1" x14ac:dyDescent="0.35"/>
    <row r="197" ht="21.5" customHeight="1" x14ac:dyDescent="0.35"/>
    <row r="198" ht="21.5" customHeight="1" x14ac:dyDescent="0.35"/>
    <row r="199" ht="21.5" customHeight="1" x14ac:dyDescent="0.35"/>
    <row r="200" ht="21.5" customHeight="1" x14ac:dyDescent="0.35"/>
    <row r="201" ht="21.5" customHeight="1" x14ac:dyDescent="0.35"/>
    <row r="202" ht="21.5" customHeight="1" x14ac:dyDescent="0.35"/>
    <row r="203" ht="21.5" customHeight="1" x14ac:dyDescent="0.35"/>
    <row r="204" ht="21.5" customHeight="1" x14ac:dyDescent="0.35"/>
    <row r="205" ht="21.5" customHeight="1" x14ac:dyDescent="0.35"/>
    <row r="206" ht="21.5" customHeight="1" x14ac:dyDescent="0.35"/>
    <row r="207" ht="21.5" customHeight="1" x14ac:dyDescent="0.35"/>
  </sheetData>
  <protectedRanges>
    <protectedRange sqref="I68:J74" name="Range1_1"/>
  </protectedRanges>
  <autoFilter ref="B11:J61" xr:uid="{210F3480-FCCB-466C-B4A6-647D9926ABBD}"/>
  <dataValidations disablePrompts="1" count="1">
    <dataValidation type="list" allowBlank="1" showInputMessage="1" showErrorMessage="1" sqref="H12:H13 H21:H60" xr:uid="{58B2A1F3-1B35-4948-BAEA-70246CCB43BD}">
      <formula1>"Yes,No"</formula1>
    </dataValidation>
  </dataValidations>
  <pageMargins left="0.7" right="0.7" top="0.75" bottom="0.75" header="0.3" footer="0.3"/>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Efficio Blank","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Migrate_x003f_ xmlns="f6f7a96f-0de9-4637-a42c-339bda3cfcd4" xsi:nil="true"/>
    <Modified0 xmlns="f6f7a96f-0de9-4637-a42c-339bda3cfcd4" xsi:nil="true"/>
    <pdb1b20852614d8390472ecc2e70f329 xmlns="f6f7a96f-0de9-4637-a42c-339bda3cfcd4">
      <Terms xmlns="http://schemas.microsoft.com/office/infopath/2007/PartnerControls"/>
    </pdb1b20852614d8390472ecc2e70f329>
    <f49292831b9a43479db375ddbe9c75b2 xmlns="f6f7a96f-0de9-4637-a42c-339bda3cfcd4">
      <Terms xmlns="http://schemas.microsoft.com/office/infopath/2007/PartnerControls"/>
    </f49292831b9a43479db375ddbe9c75b2>
    <DocumentType xmlns="f6f7a96f-0de9-4637-a42c-339bda3cfcd4" xsi:nil="true"/>
    <Upload xmlns="f6f7a96f-0de9-4637-a42c-339bda3cfcd4" xsi:nil="true"/>
    <_x002c__x002c__x002c_ xmlns="f6f7a96f-0de9-4637-a42c-339bda3cfcd4" xsi:nil="true"/>
    <Sub_x002d_Process xmlns="f6f7a96f-0de9-4637-a42c-339bda3cfcd4" xsi:nil="true"/>
    <lcf76f155ced4ddcb4097134ff3c332f xmlns="f6f7a96f-0de9-4637-a42c-339bda3cfcd4">
      <Terms xmlns="http://schemas.microsoft.com/office/infopath/2007/PartnerControls"/>
    </lcf76f155ced4ddcb4097134ff3c332f>
    <d1c9bf0dcd3840cab42d294895d47ee9 xmlns="f6f7a96f-0de9-4637-a42c-339bda3cfcd4">
      <Terms xmlns="http://schemas.microsoft.com/office/infopath/2007/PartnerControls"/>
    </d1c9bf0dcd3840cab42d294895d47ee9>
    <e6c44a7a739c4c66b80135edfb74345c xmlns="f6f7a96f-0de9-4637-a42c-339bda3cfcd4">
      <Terms xmlns="http://schemas.microsoft.com/office/infopath/2007/PartnerControls"/>
    </e6c44a7a739c4c66b80135edfb74345c>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A34C8B8305F5FC41A7D9A6E676332FE4" ma:contentTypeVersion="43" ma:contentTypeDescription="Create a new document." ma:contentTypeScope="" ma:versionID="afda70a7446cfbb77a0f0e0ecd077eab">
  <xsd:schema xmlns:xsd="http://www.w3.org/2001/XMLSchema" xmlns:xs="http://www.w3.org/2001/XMLSchema" xmlns:p="http://schemas.microsoft.com/office/2006/metadata/properties" xmlns:ns2="d68cc00f-9d58-4f41-ad16-06324f5fdb3b" xmlns:ns3="f6f7a96f-0de9-4637-a42c-339bda3cfcd4" targetNamespace="http://schemas.microsoft.com/office/2006/metadata/properties" ma:root="true" ma:fieldsID="3fc6f810f6e67d3b37bf0809a5c22dbc" ns2:_="" ns3:_="">
    <xsd:import namespace="d68cc00f-9d58-4f41-ad16-06324f5fdb3b"/>
    <xsd:import namespace="f6f7a96f-0de9-4637-a42c-339bda3cfcd4"/>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Location" minOccurs="0"/>
                <xsd:element ref="ns3:MediaServiceGenerationTime" minOccurs="0"/>
                <xsd:element ref="ns3:MediaServiceEventHashCode" minOccurs="0"/>
                <xsd:element ref="ns3:MediaServiceOCR" minOccurs="0"/>
                <xsd:element ref="ns3:MediaLengthInSeconds" minOccurs="0"/>
                <xsd:element ref="ns3:DocumentType" minOccurs="0"/>
                <xsd:element ref="ns3:Sub_x002d_Process" minOccurs="0"/>
                <xsd:element ref="ns3:lcf76f155ced4ddcb4097134ff3c332f" minOccurs="0"/>
                <xsd:element ref="ns3:e6c44a7a739c4c66b80135edfb74345c" minOccurs="0"/>
                <xsd:element ref="ns3:f49292831b9a43479db375ddbe9c75b2" minOccurs="0"/>
                <xsd:element ref="ns3:pdb1b20852614d8390472ecc2e70f329" minOccurs="0"/>
                <xsd:element ref="ns3:d1c9bf0dcd3840cab42d294895d47ee9" minOccurs="0"/>
                <xsd:element ref="ns3:Migrate_x003f_" minOccurs="0"/>
                <xsd:element ref="ns3:Upload" minOccurs="0"/>
                <xsd:element ref="ns3:Modified0" minOccurs="0"/>
                <xsd:element ref="ns3:_x002c__x002c__x002c_" minOccurs="0"/>
                <xsd:element ref="ns3:MediaServiceObjectDetectorVersions" minOccurs="0"/>
                <xsd:element ref="ns3:MediaServiceSearchProperties" minOccurs="0"/>
                <xsd:element ref="ns3: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8cc00f-9d58-4f41-ad16-06324f5fdb3b"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6f7a96f-0de9-4637-a42c-339bda3cfcd4"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DocumentType" ma:index="21" nillable="true" ma:displayName="Document Type" ma:format="Dropdown" ma:indexed="true" ma:internalName="DocumentType">
      <xsd:simpleType>
        <xsd:restriction base="dms:Choice">
          <xsd:enumeration value="Tools and Templates"/>
          <xsd:enumeration value="Training"/>
          <xsd:enumeration value="Guidance Docs"/>
        </xsd:restriction>
      </xsd:simpleType>
    </xsd:element>
    <xsd:element name="Sub_x002d_Process" ma:index="22" nillable="true" ma:displayName="Sub-Process" ma:format="Dropdown" ma:internalName="Sub_x002d_Process">
      <xsd:simpleType>
        <xsd:restriction base="dms:Choice">
          <xsd:enumeration value="Selection"/>
          <xsd:enumeration value="ITT"/>
          <xsd:enumeration value="OJEU"/>
        </xsd:restrictio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5b95788f-53e3-4752-8c95-92722792207a" ma:termSetId="09814cd3-568e-fe90-9814-8d621ff8fb84" ma:anchorId="fba54fb3-c3e1-fe81-a776-ca4b69148c4d" ma:open="true" ma:isKeyword="false">
      <xsd:complexType>
        <xsd:sequence>
          <xsd:element ref="pc:Terms" minOccurs="0" maxOccurs="1"/>
        </xsd:sequence>
      </xsd:complexType>
    </xsd:element>
    <xsd:element name="e6c44a7a739c4c66b80135edfb74345c" ma:index="26" nillable="true" ma:taxonomy="true" ma:internalName="e6c44a7a739c4c66b80135edfb74345c" ma:taxonomyFieldName="Document_x0020_Type_x0020_L1" ma:displayName="Document Type L1" ma:default="" ma:fieldId="{e6c44a7a-739c-4c66-b801-35edfb74345c}" ma:taxonomyMulti="true" ma:sspId="5b95788f-53e3-4752-8c95-92722792207a" ma:termSetId="6881000e-b415-46f1-99be-5bb9415f1224" ma:anchorId="00000000-0000-0000-0000-000000000000" ma:open="false" ma:isKeyword="false">
      <xsd:complexType>
        <xsd:sequence>
          <xsd:element ref="pc:Terms" minOccurs="0" maxOccurs="1"/>
        </xsd:sequence>
      </xsd:complexType>
    </xsd:element>
    <xsd:element name="f49292831b9a43479db375ddbe9c75b2" ma:index="28" nillable="true" ma:taxonomy="true" ma:internalName="f49292831b9a43479db375ddbe9c75b2" ma:taxonomyFieldName="Document_x0020_Type_x0020_L2" ma:displayName="Document Type L2" ma:default="" ma:fieldId="{f4929283-1b9a-4347-9db3-75ddbe9c75b2}" ma:taxonomyMulti="true" ma:sspId="5b95788f-53e3-4752-8c95-92722792207a" ma:termSetId="14502407-e6b7-4cd9-849e-b1a9f376c212" ma:anchorId="c247e64d-cffa-4627-bf72-a3dcad3dcdf0" ma:open="false" ma:isKeyword="false">
      <xsd:complexType>
        <xsd:sequence>
          <xsd:element ref="pc:Terms" minOccurs="0" maxOccurs="1"/>
        </xsd:sequence>
      </xsd:complexType>
    </xsd:element>
    <xsd:element name="pdb1b20852614d8390472ecc2e70f329" ma:index="30" nillable="true" ma:taxonomy="true" ma:internalName="pdb1b20852614d8390472ecc2e70f329" ma:taxonomyFieldName="Sourcing_x0020_Route" ma:displayName="Sourcing Route" ma:default="" ma:fieldId="{9db1b208-5261-4d83-9047-2ecc2e70f329}" ma:sspId="5b95788f-53e3-4752-8c95-92722792207a" ma:termSetId="14502407-e6b7-4cd9-849e-b1a9f376c212" ma:anchorId="343ec558-cf68-4520-87b5-7aa86e45b830" ma:open="false" ma:isKeyword="false">
      <xsd:complexType>
        <xsd:sequence>
          <xsd:element ref="pc:Terms" minOccurs="0" maxOccurs="1"/>
        </xsd:sequence>
      </xsd:complexType>
    </xsd:element>
    <xsd:element name="d1c9bf0dcd3840cab42d294895d47ee9" ma:index="32" nillable="true" ma:taxonomy="true" ma:internalName="d1c9bf0dcd3840cab42d294895d47ee9" ma:taxonomyFieldName="Sourcing_x0020_Cat_x002e__x0020_" ma:displayName="YW Sourcing Category" ma:default="" ma:fieldId="{d1c9bf0d-cd38-40ca-b42d-294895d47ee9}" ma:taxonomyMulti="true" ma:sspId="5b95788f-53e3-4752-8c95-92722792207a" ma:termSetId="14502407-e6b7-4cd9-849e-b1a9f376c212" ma:anchorId="b18af1d2-dd1b-4154-9e76-8e075f74b33e" ma:open="false" ma:isKeyword="false">
      <xsd:complexType>
        <xsd:sequence>
          <xsd:element ref="pc:Terms" minOccurs="0" maxOccurs="1"/>
        </xsd:sequence>
      </xsd:complexType>
    </xsd:element>
    <xsd:element name="Migrate_x003f_" ma:index="33" nillable="true" ma:displayName="Migrate?" ma:format="Dropdown" ma:internalName="Migrate_x003f_">
      <xsd:simpleType>
        <xsd:restriction base="dms:Choice">
          <xsd:enumeration value="No"/>
          <xsd:enumeration value="Migrated"/>
          <xsd:enumeration value="Yes"/>
        </xsd:restriction>
      </xsd:simpleType>
    </xsd:element>
    <xsd:element name="Upload" ma:index="34" nillable="true" ma:displayName="Upload" ma:format="Dropdown" ma:internalName="Upload">
      <xsd:simpleType>
        <xsd:restriction base="dms:Choice">
          <xsd:enumeration value="Yes"/>
          <xsd:enumeration value="Uploaded"/>
          <xsd:enumeration value="No"/>
        </xsd:restriction>
      </xsd:simpleType>
    </xsd:element>
    <xsd:element name="Modified0" ma:index="35" nillable="true" ma:displayName="Modified " ma:format="DateOnly" ma:internalName="Modified0">
      <xsd:simpleType>
        <xsd:restriction base="dms:DateTime"/>
      </xsd:simpleType>
    </xsd:element>
    <xsd:element name="_x002c__x002c__x002c_" ma:index="36" nillable="true" ma:displayName=",,," ma:format="DateTime" ma:internalName="_x002c__x002c__x002c_">
      <xsd:simpleType>
        <xsd:restriction base="dms:DateTime"/>
      </xsd:simpleType>
    </xsd:element>
    <xsd:element name="MediaServiceObjectDetectorVersions" ma:index="37"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38" nillable="true" ma:displayName="MediaServiceSearchProperties" ma:hidden="true" ma:internalName="MediaServiceSearchProperties" ma:readOnly="true">
      <xsd:simpleType>
        <xsd:restriction base="dms:Note"/>
      </xsd:simpleType>
    </xsd:element>
    <xsd:element name="MediaServiceBillingMetadata" ma:index="39"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AE0F85D1-598A-48CE-8CC1-6DDE5CF5BE92}">
  <ds:schemaRefs/>
</ds:datastoreItem>
</file>

<file path=customXml/itemProps2.xml><?xml version="1.0" encoding="utf-8"?>
<ds:datastoreItem xmlns:ds="http://schemas.openxmlformats.org/officeDocument/2006/customXml" ds:itemID="{F0A983B9-5021-4AC8-8784-1E32806C0CD5}">
  <ds:schemaRefs>
    <ds:schemaRef ds:uri="http://schemas.microsoft.com/office/infopath/2007/PartnerControls"/>
    <ds:schemaRef ds:uri="http://schemas.microsoft.com/office/2006/documentManagement/types"/>
    <ds:schemaRef ds:uri="http://schemas.microsoft.com/office/2006/metadata/properties"/>
    <ds:schemaRef ds:uri="http://purl.org/dc/elements/1.1/"/>
    <ds:schemaRef ds:uri="http://purl.org/dc/terms/"/>
    <ds:schemaRef ds:uri="http://schemas.openxmlformats.org/package/2006/metadata/core-properties"/>
    <ds:schemaRef ds:uri="d68cc00f-9d58-4f41-ad16-06324f5fdb3b"/>
    <ds:schemaRef ds:uri="f6f7a96f-0de9-4637-a42c-339bda3cfcd4"/>
    <ds:schemaRef ds:uri="http://www.w3.org/XML/1998/namespace"/>
    <ds:schemaRef ds:uri="http://purl.org/dc/dcmitype/"/>
  </ds:schemaRefs>
</ds:datastoreItem>
</file>

<file path=customXml/itemProps3.xml><?xml version="1.0" encoding="utf-8"?>
<ds:datastoreItem xmlns:ds="http://schemas.openxmlformats.org/officeDocument/2006/customXml" ds:itemID="{5DF3B843-7F43-43F5-92DB-F1583A643EDC}">
  <ds:schemaRefs>
    <ds:schemaRef ds:uri="http://schemas.microsoft.com/sharepoint/v3/contenttype/forms"/>
  </ds:schemaRefs>
</ds:datastoreItem>
</file>

<file path=customXml/itemProps4.xml><?xml version="1.0" encoding="utf-8"?>
<ds:datastoreItem xmlns:ds="http://schemas.openxmlformats.org/officeDocument/2006/customXml" ds:itemID="{14F3019A-4D41-4AEB-8221-9C9A768525F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8cc00f-9d58-4f41-ad16-06324f5fdb3b"/>
    <ds:schemaRef ds:uri="f6f7a96f-0de9-4637-a42c-339bda3cfcd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2266ED6-1132-4817-904D-ACB12E7A6C5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4</vt:i4>
      </vt:variant>
    </vt:vector>
  </HeadingPairs>
  <TitlesOfParts>
    <vt:vector size="4" baseType="lpstr">
      <vt:lpstr>Instructions</vt:lpstr>
      <vt:lpstr>Scoring</vt:lpstr>
      <vt:lpstr>Questionnaire</vt:lpstr>
      <vt:lpstr>Questionnaire_Old</vt:lpstr>
    </vt:vector>
  </TitlesOfParts>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Caio Scarpetti</dc:creator>
  <cp:lastModifiedBy>Caio Scarpetti</cp:lastModifiedBy>
  <dcterms:created xsi:type="dcterms:W3CDTF">2025-08-11T09:59:39Z</dcterms:created>
  <dcterms:modified xsi:type="dcterms:W3CDTF">2025-09-30T08:52: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baef6dc1-c161-47ea-9175-6c9a73af72c1_Enabled">
    <vt:lpwstr>true</vt:lpwstr>
  </property>
  <property fmtid="{D5CDD505-2E9C-101B-9397-08002B2CF9AE}" pid="3" name="MSIP_Label_baef6dc1-c161-47ea-9175-6c9a73af72c1_SetDate">
    <vt:lpwstr>2023-10-06T12:28:14Z</vt:lpwstr>
  </property>
  <property fmtid="{D5CDD505-2E9C-101B-9397-08002B2CF9AE}" pid="4" name="MSIP_Label_baef6dc1-c161-47ea-9175-6c9a73af72c1_Method">
    <vt:lpwstr>Standard</vt:lpwstr>
  </property>
  <property fmtid="{D5CDD505-2E9C-101B-9397-08002B2CF9AE}" pid="5" name="MSIP_Label_baef6dc1-c161-47ea-9175-6c9a73af72c1_Name">
    <vt:lpwstr>Confidential</vt:lpwstr>
  </property>
  <property fmtid="{D5CDD505-2E9C-101B-9397-08002B2CF9AE}" pid="6" name="MSIP_Label_baef6dc1-c161-47ea-9175-6c9a73af72c1_SiteId">
    <vt:lpwstr>6050d346-c82b-45fc-bda8-6a1f58660092</vt:lpwstr>
  </property>
  <property fmtid="{D5CDD505-2E9C-101B-9397-08002B2CF9AE}" pid="7" name="MSIP_Label_baef6dc1-c161-47ea-9175-6c9a73af72c1_ActionId">
    <vt:lpwstr>af300b4b-7e65-4d8f-a5e5-9913b4bd20d9</vt:lpwstr>
  </property>
  <property fmtid="{D5CDD505-2E9C-101B-9397-08002B2CF9AE}" pid="8" name="MSIP_Label_baef6dc1-c161-47ea-9175-6c9a73af72c1_ContentBits">
    <vt:lpwstr>2</vt:lpwstr>
  </property>
  <property fmtid="{D5CDD505-2E9C-101B-9397-08002B2CF9AE}" pid="9" name="TemplafyTenantId">
    <vt:lpwstr>efficioconsulting</vt:lpwstr>
  </property>
  <property fmtid="{D5CDD505-2E9C-101B-9397-08002B2CF9AE}" pid="10" name="TemplafyTemplateId">
    <vt:lpwstr>761203582272798762</vt:lpwstr>
  </property>
  <property fmtid="{D5CDD505-2E9C-101B-9397-08002B2CF9AE}" pid="11" name="TemplafyUserProfileId">
    <vt:lpwstr>1247222374267355142</vt:lpwstr>
  </property>
  <property fmtid="{D5CDD505-2E9C-101B-9397-08002B2CF9AE}" pid="12" name="TemplafyFromBlank">
    <vt:bool>true</vt:bool>
  </property>
  <property fmtid="{D5CDD505-2E9C-101B-9397-08002B2CF9AE}" pid="13" name="ContentTypeId">
    <vt:lpwstr>0x010100A34C8B8305F5FC41A7D9A6E676332FE4</vt:lpwstr>
  </property>
  <property fmtid="{D5CDD505-2E9C-101B-9397-08002B2CF9AE}" pid="14" name="Sourcing_x0020_Route">
    <vt:lpwstr/>
  </property>
  <property fmtid="{D5CDD505-2E9C-101B-9397-08002B2CF9AE}" pid="15" name="Sourcing_x0020_Cat_x002e__x0020_">
    <vt:lpwstr/>
  </property>
  <property fmtid="{D5CDD505-2E9C-101B-9397-08002B2CF9AE}" pid="16" name="e5fd9de9cd134fbfbe2c7d73c262838b">
    <vt:lpwstr/>
  </property>
  <property fmtid="{D5CDD505-2E9C-101B-9397-08002B2CF9AE}" pid="17" name="caada67b8c6540179abe70798e95c88e">
    <vt:lpwstr/>
  </property>
  <property fmtid="{D5CDD505-2E9C-101B-9397-08002B2CF9AE}" pid="18" name="l6fa45cf1c9948df9cdb97d164658844">
    <vt:lpwstr/>
  </property>
  <property fmtid="{D5CDD505-2E9C-101B-9397-08002B2CF9AE}" pid="19" name="MediaServiceImageTags">
    <vt:lpwstr/>
  </property>
  <property fmtid="{D5CDD505-2E9C-101B-9397-08002B2CF9AE}" pid="20" name="CPUniqueID">
    <vt:lpwstr/>
  </property>
  <property fmtid="{D5CDD505-2E9C-101B-9397-08002B2CF9AE}" pid="21" name="DocumentTypeL2">
    <vt:lpwstr/>
  </property>
  <property fmtid="{D5CDD505-2E9C-101B-9397-08002B2CF9AE}" pid="22" name="DocTags">
    <vt:lpwstr/>
  </property>
  <property fmtid="{D5CDD505-2E9C-101B-9397-08002B2CF9AE}" pid="23" name="ccfb6e673ea84ac5ad0ef611fbe0d72f">
    <vt:lpwstr/>
  </property>
  <property fmtid="{D5CDD505-2E9C-101B-9397-08002B2CF9AE}" pid="24" name="ProjectRegion">
    <vt:lpwstr/>
  </property>
  <property fmtid="{D5CDD505-2E9C-101B-9397-08002B2CF9AE}" pid="25" name="ProjectCountry">
    <vt:lpwstr/>
  </property>
  <property fmtid="{D5CDD505-2E9C-101B-9397-08002B2CF9AE}" pid="26" name="m506de5ca8024b29b5a1cfdeeaded314">
    <vt:lpwstr/>
  </property>
  <property fmtid="{D5CDD505-2E9C-101B-9397-08002B2CF9AE}" pid="27" name="m4de65b070c64473bd919e3712ccd87d">
    <vt:lpwstr/>
  </property>
  <property fmtid="{D5CDD505-2E9C-101B-9397-08002B2CF9AE}" pid="28" name="g81c339806d24e039d3125181cd0fa70">
    <vt:lpwstr/>
  </property>
  <property fmtid="{D5CDD505-2E9C-101B-9397-08002B2CF9AE}" pid="29" name="o880c5e3675044e0bf36395f95ba30a3">
    <vt:lpwstr/>
  </property>
  <property fmtid="{D5CDD505-2E9C-101B-9397-08002B2CF9AE}" pid="30" name="f618f03a0c3341f3a0b2f0af06b3b499">
    <vt:lpwstr/>
  </property>
  <property fmtid="{D5CDD505-2E9C-101B-9397-08002B2CF9AE}" pid="31" name="gc1ca1488f57434ea24f446e92fa746c">
    <vt:lpwstr/>
  </property>
  <property fmtid="{D5CDD505-2E9C-101B-9397-08002B2CF9AE}" pid="32" name="DocumentType0">
    <vt:lpwstr/>
  </property>
  <property fmtid="{D5CDD505-2E9C-101B-9397-08002B2CF9AE}" pid="33" name="ProjectCategory">
    <vt:lpwstr/>
  </property>
  <property fmtid="{D5CDD505-2E9C-101B-9397-08002B2CF9AE}" pid="34" name="CPMethodology">
    <vt:lpwstr/>
  </property>
  <property fmtid="{D5CDD505-2E9C-101B-9397-08002B2CF9AE}" pid="35" name="Document_x0020_Type_x0020_L1">
    <vt:lpwstr/>
  </property>
  <property fmtid="{D5CDD505-2E9C-101B-9397-08002B2CF9AE}" pid="36" name="ProjectSector">
    <vt:lpwstr/>
  </property>
  <property fmtid="{D5CDD505-2E9C-101B-9397-08002B2CF9AE}" pid="37" name="CategoryL2">
    <vt:lpwstr/>
  </property>
  <property fmtid="{D5CDD505-2E9C-101B-9397-08002B2CF9AE}" pid="38" name="ProjectServiceLine">
    <vt:lpwstr/>
  </property>
  <property fmtid="{D5CDD505-2E9C-101B-9397-08002B2CF9AE}" pid="39" name="SMECommunity">
    <vt:lpwstr/>
  </property>
  <property fmtid="{D5CDD505-2E9C-101B-9397-08002B2CF9AE}" pid="40" name="TaxCatchAll">
    <vt:lpwstr/>
  </property>
  <property fmtid="{D5CDD505-2E9C-101B-9397-08002B2CF9AE}" pid="41" name="lad1cf17af4445b1bcc3038e56b20f3f">
    <vt:lpwstr/>
  </property>
  <property fmtid="{D5CDD505-2E9C-101B-9397-08002B2CF9AE}" pid="42" name="ClientNameSelect">
    <vt:lpwstr/>
  </property>
  <property fmtid="{D5CDD505-2E9C-101B-9397-08002B2CF9AE}" pid="43" name="Document_x0020_Type_x0020_L2">
    <vt:lpwstr/>
  </property>
  <property fmtid="{D5CDD505-2E9C-101B-9397-08002B2CF9AE}" pid="44" name="Sourcing Cat.">
    <vt:lpwstr/>
  </property>
  <property fmtid="{D5CDD505-2E9C-101B-9397-08002B2CF9AE}" pid="45" name="CategoryL3">
    <vt:lpwstr/>
  </property>
  <property fmtid="{D5CDD505-2E9C-101B-9397-08002B2CF9AE}" pid="46" name="e90733fce21d408ba05d62f959121af4">
    <vt:lpwstr/>
  </property>
  <property fmtid="{D5CDD505-2E9C-101B-9397-08002B2CF9AE}" pid="47" name="ee247cb35d3a4c089cbd8c38ce8259e5">
    <vt:lpwstr/>
  </property>
  <property fmtid="{D5CDD505-2E9C-101B-9397-08002B2CF9AE}" pid="48" name="e1fe94c5df2546148e4dfd1688b2f148">
    <vt:lpwstr/>
  </property>
  <property fmtid="{D5CDD505-2E9C-101B-9397-08002B2CF9AE}" pid="49" name="Document Type L1">
    <vt:lpwstr/>
  </property>
  <property fmtid="{D5CDD505-2E9C-101B-9397-08002B2CF9AE}" pid="50" name="Sourcing Cat. ">
    <vt:lpwstr/>
  </property>
  <property fmtid="{D5CDD505-2E9C-101B-9397-08002B2CF9AE}" pid="51" name="Document Type L2">
    <vt:lpwstr/>
  </property>
  <property fmtid="{D5CDD505-2E9C-101B-9397-08002B2CF9AE}" pid="52" name="Sourcing Route">
    <vt:lpwstr/>
  </property>
</Properties>
</file>